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worksheets/sheet15.xml" ContentType="application/vnd.openxmlformats-officedocument.spreadsheetml.worksheet+xml"/>
  <Override PartName="/xl/worksheets/sheet16.xml" ContentType="application/vnd.openxmlformats-officedocument.spreadsheetml.worksheet+xml"/>
  <Override PartName="/xl/worksheets/sheet17.xml" ContentType="application/vnd.openxmlformats-officedocument.spreadsheetml.worksheet+xml"/>
  <Override PartName="/xl/worksheets/sheet18.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kfs01\s1169\2023_05労働統計課\02毎月勤労統計\01　2023年度\08 報告書（月報、年報、賞与）\01 月報\R5.6月分\04 公表資料\CMS、庁内データライブラリ用\R5.5月分HP掲載用\統計表\"/>
    </mc:Choice>
  </mc:AlternateContent>
  <bookViews>
    <workbookView xWindow="0" yWindow="0" windowWidth="20055" windowHeight="10185"/>
  </bookViews>
  <sheets>
    <sheet name="第1表" sheetId="36" r:id="rId1"/>
    <sheet name="第2-1表" sheetId="37" r:id="rId2"/>
    <sheet name="第2-2表" sheetId="38" r:id="rId3"/>
    <sheet name="第3-1表" sheetId="39" r:id="rId4"/>
    <sheet name="第3-2表" sheetId="40" r:id="rId5"/>
    <sheet name="第4-1表" sheetId="41" r:id="rId6"/>
    <sheet name="第4-2表" sheetId="42" r:id="rId7"/>
    <sheet name="第5-1表" sheetId="43" r:id="rId8"/>
    <sheet name="第5-2表" sheetId="44" r:id="rId9"/>
    <sheet name="第6-1表" sheetId="45" r:id="rId10"/>
    <sheet name="第6-2表" sheetId="46" r:id="rId11"/>
    <sheet name="第6-3表" sheetId="47" r:id="rId12"/>
    <sheet name="第6-4表" sheetId="48" r:id="rId13"/>
    <sheet name="第7-1表" sheetId="49" r:id="rId14"/>
    <sheet name="第7-2表" sheetId="50" r:id="rId15"/>
    <sheet name="第7-3表" sheetId="51" r:id="rId16"/>
    <sheet name="第8表" sheetId="52" r:id="rId17"/>
    <sheet name="参考資料" sheetId="53" r:id="rId18"/>
  </sheets>
  <definedNames>
    <definedName name="_xlnm.Print_Area" localSheetId="17">参考資料!$A$1:$J$44</definedName>
    <definedName name="_xlnm.Print_Area" localSheetId="0">第1表!$A$1:$AT$61</definedName>
    <definedName name="_xlnm.Print_Area" localSheetId="1">'第2-1表'!$A$1:$O$48</definedName>
    <definedName name="_xlnm.Print_Area" localSheetId="2">'第2-2表'!$A$1:$O$48</definedName>
    <definedName name="_xlnm.Print_Area" localSheetId="3">'第3-1表'!$A$1:$P$48</definedName>
    <definedName name="_xlnm.Print_Area" localSheetId="4">'第3-2表'!$A$1:$P$48</definedName>
    <definedName name="_xlnm.Print_Area" localSheetId="5">'第4-1表'!$A$1:$S$47</definedName>
    <definedName name="_xlnm.Print_Area" localSheetId="6">'第4-2表'!$A$1:$S$47</definedName>
    <definedName name="_xlnm.Print_Area" localSheetId="7">'第5-1表'!$A$1:$S$24</definedName>
    <definedName name="_xlnm.Print_Area" localSheetId="8">'第5-2表'!$A$1:$S$24</definedName>
    <definedName name="_xlnm.Print_Area" localSheetId="9">'第6-1表'!$A$1:$AJ$50</definedName>
    <definedName name="_xlnm.Print_Area" localSheetId="10">'第6-2表'!$A$1:$AJ$50</definedName>
    <definedName name="_xlnm.Print_Area" localSheetId="11">'第6-3表'!$A$1:$AJ$50</definedName>
    <definedName name="_xlnm.Print_Area" localSheetId="12">'第6-4表'!$A$1:$AJ$50</definedName>
    <definedName name="_xlnm.Print_Area" localSheetId="13">'第7-1表'!$A$1:$AJ$50</definedName>
    <definedName name="_xlnm.Print_Area" localSheetId="14">'第7-2表'!$A$1:$AJ$50</definedName>
    <definedName name="_xlnm.Print_Area" localSheetId="15">'第7-3表'!$A$1:$AJ$50</definedName>
    <definedName name="_xlnm.Print_Area" localSheetId="16">第8表!$A$1:$AJ$50</definedName>
    <definedName name="Z_E9C96189_40EE_4CA5_9278_CBDCBEA98A3A_.wvu.PrintArea" localSheetId="0" hidden="1">第1表!$A$3:$M$61</definedName>
    <definedName name="Z_E9C96189_40EE_4CA5_9278_CBDCBEA98A3A_.wvu.PrintArea" localSheetId="7" hidden="1">'第5-1表'!$A$1:$S$26</definedName>
    <definedName name="第１表2011年10月分">#REF!</definedName>
    <definedName name="第１表2011年11月分">#REF!</definedName>
    <definedName name="第１表2011年１月分">#REF!</definedName>
    <definedName name="第１表2011年２月分">#REF!</definedName>
    <definedName name="第１表2011年３月分">#REF!</definedName>
    <definedName name="第１表2011年４月分">#REF!</definedName>
    <definedName name="第１表2011年５月分">#REF!</definedName>
    <definedName name="第１表2011年６月分">#REF!</definedName>
    <definedName name="第１表2011年７月分">#REF!</definedName>
    <definedName name="第１表2011年８月分">#REF!</definedName>
    <definedName name="第１表2011年９月分">#REF!</definedName>
    <definedName name="第５表の１2011年10月分">#REF!</definedName>
    <definedName name="第５表の１2011年11月分">#REF!</definedName>
    <definedName name="第５表の１2011年12月分">#REF!</definedName>
    <definedName name="第５表の１2011年１月分">#REF!</definedName>
    <definedName name="第５表の１2011年２月分">#REF!</definedName>
    <definedName name="第５表の１2011年３月分">#REF!</definedName>
    <definedName name="第５表の１2011年４月分">#REF!</definedName>
    <definedName name="第５表の１2011年５月分">#REF!</definedName>
    <definedName name="第５表の１2011年６月分">#REF!</definedName>
    <definedName name="第５表の１2011年７月分">#REF!</definedName>
    <definedName name="第５表の１2011年８月分">#REF!</definedName>
    <definedName name="第５表の１2011年９月分">#REF!</definedName>
    <definedName name="第５表の２2011年10月分">#REF!</definedName>
    <definedName name="第５表の２2011年11月分">#REF!</definedName>
    <definedName name="第５表の２2011年12月分">#REF!</definedName>
    <definedName name="第５表の２2011年１月分">#REF!</definedName>
    <definedName name="第５表の２2011年２月分">#REF!</definedName>
    <definedName name="第５表の２2011年３月分">#REF!</definedName>
    <definedName name="第５表の２2011年４月分">#REF!</definedName>
    <definedName name="第５表の２2011年５月分">#REF!</definedName>
    <definedName name="第５表の２2011年６月分">#REF!</definedName>
    <definedName name="第５表の２2011年７月分">#REF!</definedName>
    <definedName name="第５表の２2011年８月分">#REF!</definedName>
    <definedName name="第５表の２2011年９月分">#REF!</definedName>
    <definedName name="平成23年１月">#REF!</definedName>
  </definedNames>
  <calcPr calcId="162913"/>
</workbook>
</file>

<file path=xl/sharedStrings.xml><?xml version="1.0" encoding="utf-8"?>
<sst xmlns="http://schemas.openxmlformats.org/spreadsheetml/2006/main" count="2155" uniqueCount="288">
  <si>
    <t/>
  </si>
  <si>
    <t>建設業</t>
    <rPh sb="0" eb="2">
      <t>ケンセツ</t>
    </rPh>
    <rPh sb="2" eb="3">
      <t>ギョウ</t>
    </rPh>
    <phoneticPr fontId="3"/>
  </si>
  <si>
    <t>製造業</t>
    <rPh sb="0" eb="3">
      <t>セイゾウギョウ</t>
    </rPh>
    <phoneticPr fontId="3"/>
  </si>
  <si>
    <t>電気・ガス・熱供給・水道業</t>
    <rPh sb="0" eb="2">
      <t>デンキ</t>
    </rPh>
    <rPh sb="6" eb="7">
      <t>ネツ</t>
    </rPh>
    <rPh sb="7" eb="9">
      <t>キョウキュウ</t>
    </rPh>
    <rPh sb="10" eb="13">
      <t>スイドウギョウ</t>
    </rPh>
    <phoneticPr fontId="3"/>
  </si>
  <si>
    <t>情報通信業</t>
    <rPh sb="0" eb="2">
      <t>ジョウホウ</t>
    </rPh>
    <rPh sb="2" eb="5">
      <t>ツウシンギョウ</t>
    </rPh>
    <phoneticPr fontId="3"/>
  </si>
  <si>
    <t>運輸業,郵便業</t>
    <rPh sb="0" eb="2">
      <t>ウンユ</t>
    </rPh>
    <rPh sb="2" eb="3">
      <t>ギョウ</t>
    </rPh>
    <rPh sb="4" eb="6">
      <t>ユウビン</t>
    </rPh>
    <rPh sb="6" eb="7">
      <t>ワザ</t>
    </rPh>
    <phoneticPr fontId="3"/>
  </si>
  <si>
    <t>卸売業,小売業</t>
    <rPh sb="0" eb="1">
      <t>オロシ</t>
    </rPh>
    <rPh sb="1" eb="2">
      <t>ウ</t>
    </rPh>
    <rPh sb="2" eb="3">
      <t>ワザ</t>
    </rPh>
    <rPh sb="4" eb="7">
      <t>コウリギョウ</t>
    </rPh>
    <phoneticPr fontId="3"/>
  </si>
  <si>
    <t>金融業,保険業</t>
    <rPh sb="0" eb="2">
      <t>キンユウ</t>
    </rPh>
    <rPh sb="2" eb="3">
      <t>ワザ</t>
    </rPh>
    <rPh sb="4" eb="7">
      <t>ホケンギョウ</t>
    </rPh>
    <phoneticPr fontId="3"/>
  </si>
  <si>
    <t>不動産業,物品賃貸業</t>
    <rPh sb="0" eb="3">
      <t>フドウサン</t>
    </rPh>
    <rPh sb="3" eb="4">
      <t>ギョウ</t>
    </rPh>
    <rPh sb="5" eb="7">
      <t>ブッピン</t>
    </rPh>
    <rPh sb="7" eb="10">
      <t>チンタイギョウ</t>
    </rPh>
    <phoneticPr fontId="3"/>
  </si>
  <si>
    <t>学術研究,専門・技術サービス業</t>
    <rPh sb="0" eb="2">
      <t>ガクジュツ</t>
    </rPh>
    <rPh sb="2" eb="4">
      <t>ケンキュウ</t>
    </rPh>
    <rPh sb="5" eb="7">
      <t>センモン</t>
    </rPh>
    <rPh sb="8" eb="10">
      <t>ギジュツ</t>
    </rPh>
    <rPh sb="14" eb="15">
      <t>ワザ</t>
    </rPh>
    <phoneticPr fontId="3"/>
  </si>
  <si>
    <t>宿泊業,飲食サービス業</t>
    <rPh sb="0" eb="2">
      <t>シュクハク</t>
    </rPh>
    <rPh sb="2" eb="3">
      <t>ギョウ</t>
    </rPh>
    <rPh sb="4" eb="6">
      <t>インショク</t>
    </rPh>
    <rPh sb="10" eb="11">
      <t>ギョウ</t>
    </rPh>
    <phoneticPr fontId="3"/>
  </si>
  <si>
    <t>生活関連サービス業,娯楽業</t>
    <rPh sb="0" eb="2">
      <t>セイカツ</t>
    </rPh>
    <rPh sb="2" eb="4">
      <t>カンレン</t>
    </rPh>
    <rPh sb="8" eb="9">
      <t>ギョウ</t>
    </rPh>
    <rPh sb="10" eb="13">
      <t>ゴラクギョウ</t>
    </rPh>
    <phoneticPr fontId="3"/>
  </si>
  <si>
    <t>教育,学習支援業</t>
    <rPh sb="0" eb="2">
      <t>キョウイク</t>
    </rPh>
    <rPh sb="3" eb="5">
      <t>ガクシュウ</t>
    </rPh>
    <rPh sb="5" eb="7">
      <t>シエン</t>
    </rPh>
    <rPh sb="7" eb="8">
      <t>ギョウ</t>
    </rPh>
    <phoneticPr fontId="3"/>
  </si>
  <si>
    <t>医療，福祉</t>
    <rPh sb="0" eb="2">
      <t>イリョウ</t>
    </rPh>
    <rPh sb="3" eb="5">
      <t>フクシ</t>
    </rPh>
    <phoneticPr fontId="3"/>
  </si>
  <si>
    <t>複合サービス事業</t>
    <rPh sb="0" eb="2">
      <t>フクゴウ</t>
    </rPh>
    <rPh sb="6" eb="8">
      <t>ジギョウ</t>
    </rPh>
    <phoneticPr fontId="3"/>
  </si>
  <si>
    <t>サービス業</t>
    <rPh sb="4" eb="5">
      <t>ギョウ</t>
    </rPh>
    <phoneticPr fontId="3"/>
  </si>
  <si>
    <t>食料品・たばこ</t>
    <rPh sb="0" eb="2">
      <t>ショクリョウ</t>
    </rPh>
    <rPh sb="2" eb="3">
      <t>ヒン</t>
    </rPh>
    <phoneticPr fontId="3"/>
  </si>
  <si>
    <t>繊維工業</t>
    <rPh sb="0" eb="2">
      <t>センイ</t>
    </rPh>
    <rPh sb="2" eb="4">
      <t>コウギョウ</t>
    </rPh>
    <phoneticPr fontId="3"/>
  </si>
  <si>
    <t>家具・装備品</t>
    <rPh sb="0" eb="2">
      <t>カグ</t>
    </rPh>
    <rPh sb="3" eb="6">
      <t>ソウビヒン</t>
    </rPh>
    <phoneticPr fontId="3"/>
  </si>
  <si>
    <t>パルプ･紙</t>
    <rPh sb="4" eb="5">
      <t>カミ</t>
    </rPh>
    <phoneticPr fontId="3"/>
  </si>
  <si>
    <t>印刷・同関連業</t>
    <rPh sb="0" eb="2">
      <t>インサツ</t>
    </rPh>
    <rPh sb="3" eb="4">
      <t>ドウ</t>
    </rPh>
    <rPh sb="4" eb="6">
      <t>カンレン</t>
    </rPh>
    <rPh sb="6" eb="7">
      <t>ギョウ</t>
    </rPh>
    <phoneticPr fontId="3"/>
  </si>
  <si>
    <t>化学、石油・石炭</t>
    <rPh sb="0" eb="2">
      <t>カガク</t>
    </rPh>
    <rPh sb="3" eb="5">
      <t>セキユ</t>
    </rPh>
    <rPh sb="6" eb="8">
      <t>セキタン</t>
    </rPh>
    <phoneticPr fontId="3"/>
  </si>
  <si>
    <t>プラスチック製品</t>
    <rPh sb="6" eb="8">
      <t>セイヒン</t>
    </rPh>
    <phoneticPr fontId="3"/>
  </si>
  <si>
    <t>ゴム製品</t>
    <rPh sb="2" eb="4">
      <t>セイヒン</t>
    </rPh>
    <phoneticPr fontId="3"/>
  </si>
  <si>
    <t>窯業・土石製品</t>
    <rPh sb="0" eb="2">
      <t>ヨウギョウ</t>
    </rPh>
    <rPh sb="3" eb="5">
      <t>ドセキ</t>
    </rPh>
    <rPh sb="5" eb="7">
      <t>セイヒン</t>
    </rPh>
    <phoneticPr fontId="3"/>
  </si>
  <si>
    <t>鉄鋼業</t>
    <rPh sb="0" eb="2">
      <t>テッコウ</t>
    </rPh>
    <rPh sb="2" eb="3">
      <t>ワザ</t>
    </rPh>
    <phoneticPr fontId="3"/>
  </si>
  <si>
    <t>非鉄金属製造業</t>
    <rPh sb="0" eb="2">
      <t>ヒテツ</t>
    </rPh>
    <rPh sb="2" eb="4">
      <t>キンゾク</t>
    </rPh>
    <rPh sb="4" eb="7">
      <t>セイゾウギョウ</t>
    </rPh>
    <phoneticPr fontId="3"/>
  </si>
  <si>
    <t>金属製品製造業</t>
    <rPh sb="0" eb="2">
      <t>キンゾク</t>
    </rPh>
    <rPh sb="2" eb="4">
      <t>セイヒン</t>
    </rPh>
    <rPh sb="4" eb="7">
      <t>セイゾウギョウ</t>
    </rPh>
    <phoneticPr fontId="3"/>
  </si>
  <si>
    <t>はん用機械器具</t>
    <rPh sb="2" eb="3">
      <t>ヨウ</t>
    </rPh>
    <rPh sb="3" eb="5">
      <t>キカイ</t>
    </rPh>
    <rPh sb="5" eb="7">
      <t>キグ</t>
    </rPh>
    <phoneticPr fontId="3"/>
  </si>
  <si>
    <t>生産用機械器具</t>
    <rPh sb="0" eb="3">
      <t>セイサンヨウ</t>
    </rPh>
    <rPh sb="3" eb="5">
      <t>キカイ</t>
    </rPh>
    <rPh sb="5" eb="7">
      <t>キグ</t>
    </rPh>
    <phoneticPr fontId="3"/>
  </si>
  <si>
    <t>業務用機械器具</t>
    <rPh sb="0" eb="3">
      <t>ギョウムヨウ</t>
    </rPh>
    <rPh sb="3" eb="5">
      <t>キカイ</t>
    </rPh>
    <rPh sb="5" eb="7">
      <t>キグ</t>
    </rPh>
    <phoneticPr fontId="3"/>
  </si>
  <si>
    <t>電子・デバイス</t>
    <rPh sb="0" eb="2">
      <t>デンシ</t>
    </rPh>
    <phoneticPr fontId="3"/>
  </si>
  <si>
    <t>電気機械器具</t>
    <rPh sb="0" eb="2">
      <t>デンキ</t>
    </rPh>
    <rPh sb="2" eb="4">
      <t>キカイ</t>
    </rPh>
    <rPh sb="4" eb="6">
      <t>キグ</t>
    </rPh>
    <phoneticPr fontId="3"/>
  </si>
  <si>
    <t>情報通信機械器具</t>
    <rPh sb="0" eb="2">
      <t>ジョウホウ</t>
    </rPh>
    <rPh sb="2" eb="4">
      <t>ツウシン</t>
    </rPh>
    <rPh sb="4" eb="6">
      <t>キカイ</t>
    </rPh>
    <rPh sb="6" eb="8">
      <t>キグ</t>
    </rPh>
    <phoneticPr fontId="3"/>
  </si>
  <si>
    <t>輸送用機械器具</t>
    <rPh sb="0" eb="3">
      <t>ユソウヨウ</t>
    </rPh>
    <rPh sb="3" eb="5">
      <t>キカイ</t>
    </rPh>
    <rPh sb="5" eb="7">
      <t>キグ</t>
    </rPh>
    <phoneticPr fontId="3"/>
  </si>
  <si>
    <t>Ｅ一括分</t>
    <rPh sb="1" eb="3">
      <t>イッカツ</t>
    </rPh>
    <rPh sb="3" eb="4">
      <t>ブン</t>
    </rPh>
    <phoneticPr fontId="3"/>
  </si>
  <si>
    <t>医療業</t>
    <rPh sb="0" eb="2">
      <t>イリョウ</t>
    </rPh>
    <rPh sb="2" eb="3">
      <t>ギョウ</t>
    </rPh>
    <phoneticPr fontId="3"/>
  </si>
  <si>
    <t>きまって支給する給与</t>
    <rPh sb="4" eb="6">
      <t>シキュウ</t>
    </rPh>
    <rPh sb="8" eb="10">
      <t>キュウヨ</t>
    </rPh>
    <phoneticPr fontId="3"/>
  </si>
  <si>
    <t>円</t>
    <rPh sb="0" eb="1">
      <t>エン</t>
    </rPh>
    <phoneticPr fontId="3"/>
  </si>
  <si>
    <t>所定外労働時間</t>
    <rPh sb="0" eb="2">
      <t>ショテイ</t>
    </rPh>
    <rPh sb="2" eb="3">
      <t>ガイ</t>
    </rPh>
    <rPh sb="3" eb="5">
      <t>ロウドウ</t>
    </rPh>
    <rPh sb="5" eb="7">
      <t>ジカン</t>
    </rPh>
    <phoneticPr fontId="3"/>
  </si>
  <si>
    <t>時間</t>
    <rPh sb="0" eb="2">
      <t>ジカン</t>
    </rPh>
    <phoneticPr fontId="3"/>
  </si>
  <si>
    <t>現金給与総額</t>
    <rPh sb="0" eb="2">
      <t>ゲンキン</t>
    </rPh>
    <rPh sb="2" eb="4">
      <t>キュウヨ</t>
    </rPh>
    <rPh sb="4" eb="6">
      <t>ソウガク</t>
    </rPh>
    <phoneticPr fontId="3"/>
  </si>
  <si>
    <t>総実労働時間</t>
    <rPh sb="0" eb="1">
      <t>ソウ</t>
    </rPh>
    <rPh sb="1" eb="2">
      <t>ジツ</t>
    </rPh>
    <rPh sb="2" eb="4">
      <t>ロウドウ</t>
    </rPh>
    <rPh sb="4" eb="6">
      <t>ジカン</t>
    </rPh>
    <phoneticPr fontId="3"/>
  </si>
  <si>
    <t>％</t>
    <phoneticPr fontId="3"/>
  </si>
  <si>
    <t>統計表</t>
    <rPh sb="0" eb="1">
      <t>オサム</t>
    </rPh>
    <rPh sb="1" eb="2">
      <t>ケイ</t>
    </rPh>
    <rPh sb="2" eb="3">
      <t>オモテ</t>
    </rPh>
    <phoneticPr fontId="3"/>
  </si>
  <si>
    <t>第1表　　　事業所規模別状況</t>
    <rPh sb="0" eb="1">
      <t>ダイ</t>
    </rPh>
    <rPh sb="2" eb="3">
      <t>ヒョウ</t>
    </rPh>
    <rPh sb="6" eb="7">
      <t>コト</t>
    </rPh>
    <rPh sb="7" eb="8">
      <t>ギョウ</t>
    </rPh>
    <rPh sb="8" eb="9">
      <t>トコロ</t>
    </rPh>
    <rPh sb="9" eb="10">
      <t>キ</t>
    </rPh>
    <rPh sb="10" eb="11">
      <t>ノット</t>
    </rPh>
    <rPh sb="11" eb="12">
      <t>ベツ</t>
    </rPh>
    <rPh sb="12" eb="13">
      <t>ジョウ</t>
    </rPh>
    <rPh sb="13" eb="14">
      <t>イワン</t>
    </rPh>
    <phoneticPr fontId="3"/>
  </si>
  <si>
    <t>現金給与総額</t>
    <rPh sb="0" eb="1">
      <t>ウツツ</t>
    </rPh>
    <rPh sb="1" eb="2">
      <t>キン</t>
    </rPh>
    <rPh sb="2" eb="3">
      <t>キュウ</t>
    </rPh>
    <rPh sb="3" eb="4">
      <t>クミ</t>
    </rPh>
    <rPh sb="4" eb="5">
      <t>フサ</t>
    </rPh>
    <rPh sb="5" eb="6">
      <t>ガク</t>
    </rPh>
    <phoneticPr fontId="3"/>
  </si>
  <si>
    <t>事業所規模</t>
    <phoneticPr fontId="3"/>
  </si>
  <si>
    <t>きまって
支給する給与</t>
    <rPh sb="5" eb="7">
      <t>シキュウ</t>
    </rPh>
    <rPh sb="9" eb="11">
      <t>キュウヨ</t>
    </rPh>
    <phoneticPr fontId="3"/>
  </si>
  <si>
    <t>特別に支払
われた給与</t>
    <rPh sb="0" eb="2">
      <t>トクベツ</t>
    </rPh>
    <rPh sb="3" eb="5">
      <t>シハラ</t>
    </rPh>
    <phoneticPr fontId="3"/>
  </si>
  <si>
    <t>所定内給与</t>
    <rPh sb="0" eb="1">
      <t>トコロ</t>
    </rPh>
    <rPh sb="1" eb="2">
      <t>サダム</t>
    </rPh>
    <rPh sb="2" eb="3">
      <t>ウチ</t>
    </rPh>
    <rPh sb="3" eb="4">
      <t>キュウ</t>
    </rPh>
    <rPh sb="4" eb="5">
      <t>クミ</t>
    </rPh>
    <phoneticPr fontId="3"/>
  </si>
  <si>
    <t>所定外給与</t>
    <rPh sb="0" eb="1">
      <t>トコロ</t>
    </rPh>
    <rPh sb="1" eb="2">
      <t>サダム</t>
    </rPh>
    <rPh sb="2" eb="3">
      <t>ガイ</t>
    </rPh>
    <rPh sb="3" eb="4">
      <t>キュウ</t>
    </rPh>
    <rPh sb="4" eb="5">
      <t>クミ</t>
    </rPh>
    <phoneticPr fontId="3"/>
  </si>
  <si>
    <t>前年同月比</t>
    <rPh sb="0" eb="5">
      <t>ゼンネンドウゲツヒ</t>
    </rPh>
    <phoneticPr fontId="3"/>
  </si>
  <si>
    <t>５人以上計</t>
    <rPh sb="1" eb="2">
      <t>ニン</t>
    </rPh>
    <rPh sb="2" eb="4">
      <t>イジョウ</t>
    </rPh>
    <rPh sb="4" eb="5">
      <t>ケイ</t>
    </rPh>
    <phoneticPr fontId="3"/>
  </si>
  <si>
    <t>30人以上計</t>
    <rPh sb="2" eb="3">
      <t>ニン</t>
    </rPh>
    <rPh sb="3" eb="5">
      <t>イジョウ</t>
    </rPh>
    <rPh sb="5" eb="6">
      <t>ケイ</t>
    </rPh>
    <phoneticPr fontId="3"/>
  </si>
  <si>
    <t>500人以上</t>
    <rPh sb="3" eb="4">
      <t>ニン</t>
    </rPh>
    <rPh sb="4" eb="6">
      <t>イジョウ</t>
    </rPh>
    <phoneticPr fontId="3"/>
  </si>
  <si>
    <t>100～499人</t>
    <rPh sb="7" eb="8">
      <t>ニン</t>
    </rPh>
    <phoneticPr fontId="3"/>
  </si>
  <si>
    <t>30～99人</t>
    <rPh sb="5" eb="6">
      <t>ニン</t>
    </rPh>
    <phoneticPr fontId="3"/>
  </si>
  <si>
    <t>５～29人</t>
    <rPh sb="4" eb="5">
      <t>ニン</t>
    </rPh>
    <phoneticPr fontId="3"/>
  </si>
  <si>
    <t>出勤日数</t>
    <rPh sb="0" eb="4">
      <t>シュッキンニッスウ</t>
    </rPh>
    <phoneticPr fontId="3"/>
  </si>
  <si>
    <t>総実労働時間</t>
    <rPh sb="0" eb="6">
      <t>ソウジツロウドウジカン</t>
    </rPh>
    <phoneticPr fontId="3"/>
  </si>
  <si>
    <t>事業所規模</t>
    <rPh sb="0" eb="5">
      <t>ジギョウショキボ</t>
    </rPh>
    <phoneticPr fontId="3"/>
  </si>
  <si>
    <t>所定内労働時間</t>
    <rPh sb="0" eb="7">
      <t>ショテイナイロウドウジカン</t>
    </rPh>
    <phoneticPr fontId="3"/>
  </si>
  <si>
    <t>所定外労働時間</t>
    <rPh sb="0" eb="7">
      <t>ショテイガイロウドウジカン</t>
    </rPh>
    <phoneticPr fontId="3"/>
  </si>
  <si>
    <t>日</t>
    <rPh sb="0" eb="1">
      <t>ヒ</t>
    </rPh>
    <phoneticPr fontId="3"/>
  </si>
  <si>
    <t>常用労働者数</t>
    <rPh sb="0" eb="6">
      <t>ジョウヨウロウドウシャスウ</t>
    </rPh>
    <phoneticPr fontId="3"/>
  </si>
  <si>
    <t>労働異動率</t>
    <rPh sb="0" eb="5">
      <t>ロウドウイドウリツ</t>
    </rPh>
    <phoneticPr fontId="3"/>
  </si>
  <si>
    <t>ﾊﾟｰﾄﾀｲﾑ労働者数</t>
    <rPh sb="7" eb="10">
      <t>ロウドウシャ</t>
    </rPh>
    <rPh sb="10" eb="11">
      <t>スウ</t>
    </rPh>
    <phoneticPr fontId="3"/>
  </si>
  <si>
    <t>入職率</t>
    <rPh sb="0" eb="3">
      <t>ニュウショクリツ</t>
    </rPh>
    <phoneticPr fontId="3"/>
  </si>
  <si>
    <t>離職率</t>
    <rPh sb="0" eb="3">
      <t>リショクリツ</t>
    </rPh>
    <phoneticPr fontId="3"/>
  </si>
  <si>
    <t xml:space="preserve">比率  </t>
    <rPh sb="0" eb="2">
      <t>ヒリツ</t>
    </rPh>
    <phoneticPr fontId="3"/>
  </si>
  <si>
    <t xml:space="preserve">前年同月差 </t>
    <rPh sb="0" eb="2">
      <t>ゼンネン</t>
    </rPh>
    <rPh sb="2" eb="4">
      <t>ドウゲツ</t>
    </rPh>
    <rPh sb="4" eb="5">
      <t>サ</t>
    </rPh>
    <phoneticPr fontId="3"/>
  </si>
  <si>
    <t>人</t>
    <rPh sb="0" eb="1">
      <t>ニン</t>
    </rPh>
    <phoneticPr fontId="3"/>
  </si>
  <si>
    <t>ポイント</t>
    <phoneticPr fontId="3"/>
  </si>
  <si>
    <t>調査産業計</t>
  </si>
  <si>
    <t>- 8 -</t>
    <phoneticPr fontId="3"/>
  </si>
  <si>
    <t>第２－１表　　　産業、性別常用労働者の1人平均月間現金給与額</t>
    <rPh sb="0" eb="1">
      <t>ダイ</t>
    </rPh>
    <rPh sb="4" eb="5">
      <t>ヒョウ</t>
    </rPh>
    <rPh sb="8" eb="10">
      <t>サンギョウ</t>
    </rPh>
    <rPh sb="11" eb="13">
      <t>セイベツ</t>
    </rPh>
    <rPh sb="13" eb="15">
      <t>ジョウヨウ</t>
    </rPh>
    <rPh sb="15" eb="18">
      <t>ロウドウシャ</t>
    </rPh>
    <rPh sb="20" eb="21">
      <t>ニン</t>
    </rPh>
    <rPh sb="21" eb="23">
      <t>ヘイキン</t>
    </rPh>
    <rPh sb="23" eb="25">
      <t>ゲッカン</t>
    </rPh>
    <rPh sb="25" eb="27">
      <t>ゲンキン</t>
    </rPh>
    <rPh sb="27" eb="29">
      <t>キュウヨ</t>
    </rPh>
    <rPh sb="29" eb="30">
      <t>ガク</t>
    </rPh>
    <phoneticPr fontId="3"/>
  </si>
  <si>
    <t>(事業所規模　５人以上）</t>
    <rPh sb="1" eb="4">
      <t>ジギョウショ</t>
    </rPh>
    <rPh sb="4" eb="6">
      <t>キボ</t>
    </rPh>
    <rPh sb="8" eb="9">
      <t>ニン</t>
    </rPh>
    <rPh sb="9" eb="11">
      <t>イジョウ</t>
    </rPh>
    <phoneticPr fontId="3"/>
  </si>
  <si>
    <t>(単位：円）</t>
    <rPh sb="1" eb="3">
      <t>タンイ</t>
    </rPh>
    <rPh sb="4" eb="5">
      <t>エン</t>
    </rPh>
    <phoneticPr fontId="3"/>
  </si>
  <si>
    <t>産　　　　　業</t>
    <rPh sb="0" eb="1">
      <t>サン</t>
    </rPh>
    <rPh sb="6" eb="7">
      <t>ギョウ</t>
    </rPh>
    <phoneticPr fontId="3"/>
  </si>
  <si>
    <t>計</t>
    <rPh sb="0" eb="1">
      <t>ケイ</t>
    </rPh>
    <phoneticPr fontId="3"/>
  </si>
  <si>
    <t>男性</t>
    <rPh sb="0" eb="2">
      <t>ダンセイ</t>
    </rPh>
    <phoneticPr fontId="3"/>
  </si>
  <si>
    <t>女性</t>
    <rPh sb="0" eb="2">
      <t>ジョセイ</t>
    </rPh>
    <phoneticPr fontId="3"/>
  </si>
  <si>
    <t>産　業</t>
    <rPh sb="0" eb="1">
      <t>サン</t>
    </rPh>
    <rPh sb="2" eb="3">
      <t>ギョウ</t>
    </rPh>
    <phoneticPr fontId="3"/>
  </si>
  <si>
    <t>きまって支給
する給与</t>
    <rPh sb="4" eb="5">
      <t>シ</t>
    </rPh>
    <rPh sb="5" eb="6">
      <t>キュウ</t>
    </rPh>
    <rPh sb="9" eb="11">
      <t>キュウヨ</t>
    </rPh>
    <phoneticPr fontId="3"/>
  </si>
  <si>
    <t>特別に支払
われた給与</t>
    <rPh sb="0" eb="2">
      <t>トクベツ</t>
    </rPh>
    <rPh sb="3" eb="5">
      <t>シハラ</t>
    </rPh>
    <rPh sb="9" eb="11">
      <t>キュウヨ</t>
    </rPh>
    <phoneticPr fontId="3"/>
  </si>
  <si>
    <t>所定内給与</t>
    <rPh sb="0" eb="2">
      <t>ショテイ</t>
    </rPh>
    <rPh sb="2" eb="3">
      <t>ナイ</t>
    </rPh>
    <rPh sb="3" eb="5">
      <t>キュウヨ</t>
    </rPh>
    <phoneticPr fontId="3"/>
  </si>
  <si>
    <t>所定外給与</t>
    <rPh sb="0" eb="2">
      <t>ショテイ</t>
    </rPh>
    <rPh sb="2" eb="3">
      <t>ソト</t>
    </rPh>
    <rPh sb="3" eb="5">
      <t>キュウヨ</t>
    </rPh>
    <phoneticPr fontId="3"/>
  </si>
  <si>
    <t>TL</t>
    <phoneticPr fontId="3"/>
  </si>
  <si>
    <t>調査産業計</t>
    <rPh sb="0" eb="2">
      <t>チョウサ</t>
    </rPh>
    <rPh sb="2" eb="4">
      <t>サンギョウ</t>
    </rPh>
    <rPh sb="4" eb="5">
      <t>ケイ</t>
    </rPh>
    <phoneticPr fontId="3"/>
  </si>
  <si>
    <t>Ｄ</t>
    <phoneticPr fontId="3"/>
  </si>
  <si>
    <t>Ｅ</t>
    <phoneticPr fontId="3"/>
  </si>
  <si>
    <t>Ｆ</t>
    <phoneticPr fontId="3"/>
  </si>
  <si>
    <t>Ｇ</t>
    <phoneticPr fontId="3"/>
  </si>
  <si>
    <t>Ｈ</t>
    <phoneticPr fontId="3"/>
  </si>
  <si>
    <t>Ｉ</t>
    <phoneticPr fontId="3"/>
  </si>
  <si>
    <t>Ｊ</t>
    <phoneticPr fontId="3"/>
  </si>
  <si>
    <t>Ｋ</t>
    <phoneticPr fontId="3"/>
  </si>
  <si>
    <t>Ｌ</t>
    <phoneticPr fontId="3"/>
  </si>
  <si>
    <t>M</t>
    <phoneticPr fontId="3"/>
  </si>
  <si>
    <t>Ｎ</t>
    <phoneticPr fontId="3"/>
  </si>
  <si>
    <t>O</t>
    <phoneticPr fontId="3"/>
  </si>
  <si>
    <t>Ｐ</t>
    <phoneticPr fontId="3"/>
  </si>
  <si>
    <t>Ｑ</t>
    <phoneticPr fontId="3"/>
  </si>
  <si>
    <t>R</t>
    <phoneticPr fontId="3"/>
  </si>
  <si>
    <t>Ｅ09・10</t>
    <phoneticPr fontId="3"/>
  </si>
  <si>
    <t>Ｅ11</t>
    <phoneticPr fontId="3"/>
  </si>
  <si>
    <t>Ｅ13</t>
    <phoneticPr fontId="3"/>
  </si>
  <si>
    <t>Ｅ14</t>
    <phoneticPr fontId="3"/>
  </si>
  <si>
    <t>Ｅ15</t>
    <phoneticPr fontId="3"/>
  </si>
  <si>
    <t>Ｅ16・17</t>
    <phoneticPr fontId="3"/>
  </si>
  <si>
    <t>Ｅ18</t>
    <phoneticPr fontId="3"/>
  </si>
  <si>
    <t>Ｅ19</t>
    <phoneticPr fontId="3"/>
  </si>
  <si>
    <t>Ｅ21</t>
    <phoneticPr fontId="3"/>
  </si>
  <si>
    <t>Ｅ22</t>
    <phoneticPr fontId="3"/>
  </si>
  <si>
    <t>Ｅ23</t>
    <phoneticPr fontId="3"/>
  </si>
  <si>
    <t>Ｅ24</t>
    <phoneticPr fontId="3"/>
  </si>
  <si>
    <t>Ｅ25</t>
    <phoneticPr fontId="3"/>
  </si>
  <si>
    <t>Ｅ26</t>
    <phoneticPr fontId="3"/>
  </si>
  <si>
    <t>Ｅ27</t>
    <phoneticPr fontId="3"/>
  </si>
  <si>
    <t>Ｅ28</t>
    <phoneticPr fontId="3"/>
  </si>
  <si>
    <t>Ｅ29</t>
    <phoneticPr fontId="3"/>
  </si>
  <si>
    <t>Ｅ30</t>
    <phoneticPr fontId="3"/>
  </si>
  <si>
    <t>Ｅ31</t>
    <phoneticPr fontId="3"/>
  </si>
  <si>
    <t>Ｅ一括</t>
    <rPh sb="1" eb="3">
      <t>イッカツ</t>
    </rPh>
    <phoneticPr fontId="3"/>
  </si>
  <si>
    <t>Ｐ83</t>
    <phoneticPr fontId="3"/>
  </si>
  <si>
    <t>- 9 -</t>
    <phoneticPr fontId="3"/>
  </si>
  <si>
    <t>第２－２表　　　産業、性別常用労働者の1人平均月間現金給与額</t>
    <rPh sb="0" eb="1">
      <t>ダイ</t>
    </rPh>
    <rPh sb="4" eb="5">
      <t>ヒョウ</t>
    </rPh>
    <rPh sb="8" eb="10">
      <t>サンギョウ</t>
    </rPh>
    <rPh sb="11" eb="13">
      <t>セイベツ</t>
    </rPh>
    <rPh sb="13" eb="15">
      <t>ジョウヨウ</t>
    </rPh>
    <rPh sb="15" eb="18">
      <t>ロウドウシャ</t>
    </rPh>
    <rPh sb="20" eb="21">
      <t>ニン</t>
    </rPh>
    <rPh sb="21" eb="23">
      <t>ヘイキン</t>
    </rPh>
    <rPh sb="23" eb="25">
      <t>ゲッカン</t>
    </rPh>
    <rPh sb="25" eb="27">
      <t>ゲンキン</t>
    </rPh>
    <rPh sb="27" eb="29">
      <t>キュウヨ</t>
    </rPh>
    <rPh sb="29" eb="30">
      <t>ガク</t>
    </rPh>
    <phoneticPr fontId="3"/>
  </si>
  <si>
    <t>(事業所規模　30人以上）</t>
    <rPh sb="1" eb="4">
      <t>ジギョウショ</t>
    </rPh>
    <rPh sb="4" eb="6">
      <t>キボ</t>
    </rPh>
    <rPh sb="9" eb="10">
      <t>ニン</t>
    </rPh>
    <rPh sb="10" eb="12">
      <t>イジョウ</t>
    </rPh>
    <phoneticPr fontId="3"/>
  </si>
  <si>
    <t>- 10 -</t>
    <phoneticPr fontId="3"/>
  </si>
  <si>
    <t>第３－１表　　　産業、性別常用労働者の1人平均月間出勤日数及び実労働時間数</t>
    <rPh sb="0" eb="1">
      <t>ダイ</t>
    </rPh>
    <rPh sb="4" eb="5">
      <t>ヒョウ</t>
    </rPh>
    <rPh sb="8" eb="10">
      <t>サンギョウ</t>
    </rPh>
    <rPh sb="11" eb="13">
      <t>セイベツ</t>
    </rPh>
    <rPh sb="13" eb="15">
      <t>ジョウヨウ</t>
    </rPh>
    <rPh sb="15" eb="18">
      <t>ロウドウシャ</t>
    </rPh>
    <rPh sb="20" eb="21">
      <t>ニン</t>
    </rPh>
    <rPh sb="21" eb="23">
      <t>ヘイキン</t>
    </rPh>
    <rPh sb="23" eb="25">
      <t>ゲッカン</t>
    </rPh>
    <rPh sb="25" eb="27">
      <t>シュッキン</t>
    </rPh>
    <rPh sb="27" eb="29">
      <t>ニッスウ</t>
    </rPh>
    <rPh sb="29" eb="30">
      <t>オヨ</t>
    </rPh>
    <rPh sb="31" eb="32">
      <t>ジツ</t>
    </rPh>
    <rPh sb="32" eb="34">
      <t>ロウドウ</t>
    </rPh>
    <rPh sb="34" eb="36">
      <t>ジカン</t>
    </rPh>
    <rPh sb="36" eb="37">
      <t>スウ</t>
    </rPh>
    <phoneticPr fontId="3"/>
  </si>
  <si>
    <t>(単位：日、時間）</t>
    <rPh sb="1" eb="3">
      <t>タンイ</t>
    </rPh>
    <rPh sb="4" eb="5">
      <t>ヒ</t>
    </rPh>
    <rPh sb="6" eb="8">
      <t>ジカン</t>
    </rPh>
    <phoneticPr fontId="3"/>
  </si>
  <si>
    <t>出勤日数</t>
    <rPh sb="0" eb="2">
      <t>シュッキン</t>
    </rPh>
    <rPh sb="2" eb="4">
      <t>ニッスウ</t>
    </rPh>
    <phoneticPr fontId="3"/>
  </si>
  <si>
    <t xml:space="preserve">  総実労働時間</t>
    <rPh sb="2" eb="3">
      <t>ソウ</t>
    </rPh>
    <rPh sb="3" eb="4">
      <t>ジツ</t>
    </rPh>
    <phoneticPr fontId="3"/>
  </si>
  <si>
    <t xml:space="preserve">  総実労働時間　</t>
    <rPh sb="2" eb="3">
      <t>ソウ</t>
    </rPh>
    <rPh sb="3" eb="4">
      <t>ジツ</t>
    </rPh>
    <phoneticPr fontId="3"/>
  </si>
  <si>
    <t>所定内</t>
    <rPh sb="0" eb="1">
      <t>トコロ</t>
    </rPh>
    <rPh sb="1" eb="2">
      <t>サダム</t>
    </rPh>
    <rPh sb="2" eb="3">
      <t>ナイ</t>
    </rPh>
    <phoneticPr fontId="3"/>
  </si>
  <si>
    <t>所定外</t>
    <rPh sb="0" eb="1">
      <t>トコロ</t>
    </rPh>
    <rPh sb="1" eb="2">
      <t>サダム</t>
    </rPh>
    <rPh sb="2" eb="3">
      <t>ガイ</t>
    </rPh>
    <phoneticPr fontId="3"/>
  </si>
  <si>
    <t>労働時間</t>
    <rPh sb="0" eb="2">
      <t>ロウドウ</t>
    </rPh>
    <rPh sb="2" eb="4">
      <t>ジカン</t>
    </rPh>
    <phoneticPr fontId="3"/>
  </si>
  <si>
    <t>- 11 -</t>
    <phoneticPr fontId="3"/>
  </si>
  <si>
    <t>第３－２表　　　産業、性別常用労働者の1人平均月間出勤日数及び実労働時間数</t>
    <rPh sb="0" eb="1">
      <t>ダイ</t>
    </rPh>
    <rPh sb="4" eb="5">
      <t>ヒョウ</t>
    </rPh>
    <rPh sb="8" eb="10">
      <t>サンギョウ</t>
    </rPh>
    <rPh sb="11" eb="13">
      <t>セイベツ</t>
    </rPh>
    <rPh sb="13" eb="15">
      <t>ジョウヨウ</t>
    </rPh>
    <rPh sb="15" eb="18">
      <t>ロウドウシャ</t>
    </rPh>
    <rPh sb="20" eb="21">
      <t>ニン</t>
    </rPh>
    <rPh sb="21" eb="23">
      <t>ヘイキン</t>
    </rPh>
    <rPh sb="23" eb="25">
      <t>ゲッカン</t>
    </rPh>
    <rPh sb="25" eb="27">
      <t>シュッキン</t>
    </rPh>
    <rPh sb="27" eb="29">
      <t>ニッスウ</t>
    </rPh>
    <rPh sb="29" eb="30">
      <t>オヨ</t>
    </rPh>
    <rPh sb="31" eb="32">
      <t>ジツ</t>
    </rPh>
    <rPh sb="32" eb="34">
      <t>ロウドウ</t>
    </rPh>
    <rPh sb="34" eb="36">
      <t>ジカン</t>
    </rPh>
    <rPh sb="36" eb="37">
      <t>スウ</t>
    </rPh>
    <phoneticPr fontId="3"/>
  </si>
  <si>
    <t>- 12 -</t>
    <phoneticPr fontId="3"/>
  </si>
  <si>
    <t>第４－１表　　　産業、性別常用労働者数及び労働異動率</t>
    <rPh sb="0" eb="1">
      <t>ダイ</t>
    </rPh>
    <rPh sb="4" eb="5">
      <t>ヒョウ</t>
    </rPh>
    <rPh sb="8" eb="10">
      <t>サンギョウ</t>
    </rPh>
    <rPh sb="11" eb="13">
      <t>セイベツ</t>
    </rPh>
    <rPh sb="13" eb="15">
      <t>ジョウヨウ</t>
    </rPh>
    <rPh sb="15" eb="18">
      <t>ロウドウシャ</t>
    </rPh>
    <rPh sb="18" eb="19">
      <t>スウ</t>
    </rPh>
    <rPh sb="19" eb="20">
      <t>オヨ</t>
    </rPh>
    <rPh sb="21" eb="23">
      <t>ロウドウ</t>
    </rPh>
    <rPh sb="23" eb="25">
      <t>イドウ</t>
    </rPh>
    <rPh sb="25" eb="26">
      <t>リツ</t>
    </rPh>
    <phoneticPr fontId="3"/>
  </si>
  <si>
    <t>(単位：人、％）</t>
    <rPh sb="1" eb="3">
      <t>タンイ</t>
    </rPh>
    <rPh sb="4" eb="5">
      <t>ヒト</t>
    </rPh>
    <phoneticPr fontId="3"/>
  </si>
  <si>
    <t>男　　　　　性</t>
    <rPh sb="0" eb="1">
      <t>オトコ</t>
    </rPh>
    <rPh sb="6" eb="7">
      <t>セイ</t>
    </rPh>
    <phoneticPr fontId="3"/>
  </si>
  <si>
    <t>女　　　　　性</t>
    <rPh sb="0" eb="1">
      <t>オンナ</t>
    </rPh>
    <rPh sb="6" eb="7">
      <t>セイ</t>
    </rPh>
    <phoneticPr fontId="3"/>
  </si>
  <si>
    <t>本月末
常用労働者数</t>
    <rPh sb="0" eb="1">
      <t>ホン</t>
    </rPh>
    <rPh sb="1" eb="2">
      <t>ツキ</t>
    </rPh>
    <rPh sb="2" eb="3">
      <t>マツ</t>
    </rPh>
    <phoneticPr fontId="3"/>
  </si>
  <si>
    <t>労働異動率</t>
    <rPh sb="0" eb="2">
      <t>ロウドウ</t>
    </rPh>
    <rPh sb="2" eb="4">
      <t>イドウ</t>
    </rPh>
    <rPh sb="4" eb="5">
      <t>リツ</t>
    </rPh>
    <phoneticPr fontId="3"/>
  </si>
  <si>
    <t>ﾊﾟｰﾄﾀｲﾑ</t>
    <phoneticPr fontId="3"/>
  </si>
  <si>
    <t>ﾊﾟｰﾄ</t>
    <phoneticPr fontId="3"/>
  </si>
  <si>
    <t>入職率</t>
    <rPh sb="0" eb="1">
      <t>イ</t>
    </rPh>
    <rPh sb="1" eb="2">
      <t>ショク</t>
    </rPh>
    <rPh sb="2" eb="3">
      <t>リツ</t>
    </rPh>
    <phoneticPr fontId="3"/>
  </si>
  <si>
    <t>離職率</t>
    <rPh sb="0" eb="2">
      <t>リショク</t>
    </rPh>
    <rPh sb="2" eb="3">
      <t>リツ</t>
    </rPh>
    <phoneticPr fontId="3"/>
  </si>
  <si>
    <t>労働者数</t>
    <rPh sb="0" eb="3">
      <t>ロウドウシャ</t>
    </rPh>
    <rPh sb="3" eb="4">
      <t>スウ</t>
    </rPh>
    <phoneticPr fontId="3"/>
  </si>
  <si>
    <t>比率</t>
    <rPh sb="0" eb="2">
      <t>ヒリツ</t>
    </rPh>
    <phoneticPr fontId="3"/>
  </si>
  <si>
    <t>- 13 -</t>
    <phoneticPr fontId="3"/>
  </si>
  <si>
    <t>第４－２表　　　産業、性別常用労働者数及び労働異動率</t>
    <rPh sb="0" eb="1">
      <t>ダイ</t>
    </rPh>
    <rPh sb="4" eb="5">
      <t>ヒョウ</t>
    </rPh>
    <rPh sb="8" eb="10">
      <t>サンギョウ</t>
    </rPh>
    <rPh sb="11" eb="13">
      <t>セイベツ</t>
    </rPh>
    <rPh sb="13" eb="15">
      <t>ジョウヨウ</t>
    </rPh>
    <rPh sb="15" eb="18">
      <t>ロウドウシャ</t>
    </rPh>
    <rPh sb="18" eb="19">
      <t>スウ</t>
    </rPh>
    <rPh sb="19" eb="20">
      <t>オヨ</t>
    </rPh>
    <rPh sb="21" eb="23">
      <t>ロウドウ</t>
    </rPh>
    <rPh sb="23" eb="25">
      <t>イドウ</t>
    </rPh>
    <rPh sb="25" eb="26">
      <t>リツ</t>
    </rPh>
    <phoneticPr fontId="3"/>
  </si>
  <si>
    <t>- 14 -</t>
    <phoneticPr fontId="3"/>
  </si>
  <si>
    <t>第５－１表　　　産業、一般・パートタイム労働者別実数表</t>
    <rPh sb="0" eb="1">
      <t>ダイ</t>
    </rPh>
    <rPh sb="4" eb="5">
      <t>ヒョウ</t>
    </rPh>
    <phoneticPr fontId="3"/>
  </si>
  <si>
    <t>(事業所規模　　５人以上）</t>
    <rPh sb="1" eb="4">
      <t>ジギョウショ</t>
    </rPh>
    <rPh sb="4" eb="6">
      <t>キボ</t>
    </rPh>
    <rPh sb="9" eb="10">
      <t>ニン</t>
    </rPh>
    <rPh sb="10" eb="12">
      <t>イジョウ</t>
    </rPh>
    <phoneticPr fontId="3"/>
  </si>
  <si>
    <t>　項　　　　　　目</t>
    <rPh sb="1" eb="2">
      <t>コウ</t>
    </rPh>
    <rPh sb="8" eb="9">
      <t>メ</t>
    </rPh>
    <phoneticPr fontId="3"/>
  </si>
  <si>
    <t>卸売業，小売業</t>
    <rPh sb="0" eb="1">
      <t>オロシ</t>
    </rPh>
    <rPh sb="1" eb="2">
      <t>ウ</t>
    </rPh>
    <rPh sb="2" eb="3">
      <t>ワザ</t>
    </rPh>
    <rPh sb="4" eb="7">
      <t>コウリギョウ</t>
    </rPh>
    <phoneticPr fontId="3"/>
  </si>
  <si>
    <t>一般労働者</t>
    <rPh sb="0" eb="1">
      <t>イチ</t>
    </rPh>
    <rPh sb="1" eb="2">
      <t>バン</t>
    </rPh>
    <rPh sb="2" eb="5">
      <t>ロウドウシャ</t>
    </rPh>
    <phoneticPr fontId="3"/>
  </si>
  <si>
    <t>ﾊﾟｰﾄﾀｲﾑ労働者</t>
    <rPh sb="7" eb="10">
      <t>ロウドウシャ</t>
    </rPh>
    <phoneticPr fontId="3"/>
  </si>
  <si>
    <t xml:space="preserve"> 前年同月比</t>
    <rPh sb="1" eb="2">
      <t>ゼン</t>
    </rPh>
    <rPh sb="2" eb="3">
      <t>サクネン</t>
    </rPh>
    <rPh sb="3" eb="6">
      <t>ドウゲツヒ</t>
    </rPh>
    <phoneticPr fontId="3"/>
  </si>
  <si>
    <t>(単位)</t>
    <rPh sb="1" eb="3">
      <t>タンイ</t>
    </rPh>
    <phoneticPr fontId="3"/>
  </si>
  <si>
    <t xml:space="preserve">％ </t>
    <phoneticPr fontId="3"/>
  </si>
  <si>
    <t>(円）</t>
    <rPh sb="1" eb="2">
      <t>エン</t>
    </rPh>
    <phoneticPr fontId="3"/>
  </si>
  <si>
    <t>所定内給与</t>
    <rPh sb="0" eb="3">
      <t>ショテイナイ</t>
    </rPh>
    <rPh sb="3" eb="5">
      <t>キュウヨ</t>
    </rPh>
    <phoneticPr fontId="3"/>
  </si>
  <si>
    <t>所定外給与</t>
    <rPh sb="2" eb="3">
      <t>ソト</t>
    </rPh>
    <rPh sb="3" eb="5">
      <t>キュウヨ</t>
    </rPh>
    <phoneticPr fontId="3"/>
  </si>
  <si>
    <t>-</t>
  </si>
  <si>
    <t>特別に支払われた給与</t>
    <rPh sb="0" eb="2">
      <t>トクベツ</t>
    </rPh>
    <rPh sb="3" eb="5">
      <t>シハラ</t>
    </rPh>
    <rPh sb="8" eb="10">
      <t>キュウヨ</t>
    </rPh>
    <phoneticPr fontId="3"/>
  </si>
  <si>
    <t>(日）</t>
    <rPh sb="1" eb="2">
      <t>ニチ</t>
    </rPh>
    <phoneticPr fontId="3"/>
  </si>
  <si>
    <t>(時間）</t>
    <rPh sb="1" eb="3">
      <t>ジカン</t>
    </rPh>
    <phoneticPr fontId="3"/>
  </si>
  <si>
    <t>所定内労働時間</t>
    <rPh sb="0" eb="3">
      <t>ショテイナイ</t>
    </rPh>
    <rPh sb="3" eb="5">
      <t>ロウドウ</t>
    </rPh>
    <rPh sb="5" eb="7">
      <t>ジカン</t>
    </rPh>
    <phoneticPr fontId="3"/>
  </si>
  <si>
    <t>(人）</t>
    <rPh sb="1" eb="2">
      <t>ヒト</t>
    </rPh>
    <phoneticPr fontId="3"/>
  </si>
  <si>
    <t>入職率</t>
    <rPh sb="0" eb="1">
      <t>ニュウ</t>
    </rPh>
    <rPh sb="1" eb="2">
      <t>ショク</t>
    </rPh>
    <rPh sb="2" eb="3">
      <t>リツ</t>
    </rPh>
    <phoneticPr fontId="3"/>
  </si>
  <si>
    <t>(％）</t>
    <phoneticPr fontId="3"/>
  </si>
  <si>
    <t>- 15 -</t>
    <phoneticPr fontId="3"/>
  </si>
  <si>
    <t>第５－２表　　　産業、一般・パートタイム労働者別実数表</t>
    <rPh sb="0" eb="1">
      <t>ダイ</t>
    </rPh>
    <rPh sb="4" eb="5">
      <t>ヒョウ</t>
    </rPh>
    <phoneticPr fontId="3"/>
  </si>
  <si>
    <t>(事業所規模　　３０人以上）</t>
    <rPh sb="1" eb="4">
      <t>ジギョウショ</t>
    </rPh>
    <rPh sb="4" eb="6">
      <t>キボ</t>
    </rPh>
    <rPh sb="10" eb="11">
      <t>ニン</t>
    </rPh>
    <rPh sb="11" eb="13">
      <t>イジョウ</t>
    </rPh>
    <phoneticPr fontId="3"/>
  </si>
  <si>
    <t>- 16 -</t>
    <phoneticPr fontId="3"/>
  </si>
  <si>
    <t>第６－１表　　　産業別名目賃金指数（現金給与総額）</t>
    <rPh sb="0" eb="1">
      <t>ダイ</t>
    </rPh>
    <rPh sb="4" eb="5">
      <t>ヒョウ</t>
    </rPh>
    <rPh sb="8" eb="10">
      <t>サンギョウ</t>
    </rPh>
    <rPh sb="10" eb="11">
      <t>ベツ</t>
    </rPh>
    <rPh sb="11" eb="13">
      <t>メイモク</t>
    </rPh>
    <rPh sb="13" eb="15">
      <t>チンギン</t>
    </rPh>
    <rPh sb="15" eb="17">
      <t>シスウ</t>
    </rPh>
    <rPh sb="18" eb="20">
      <t>ゲンキン</t>
    </rPh>
    <rPh sb="20" eb="22">
      <t>キュウヨ</t>
    </rPh>
    <rPh sb="22" eb="24">
      <t>ソウガク</t>
    </rPh>
    <phoneticPr fontId="3"/>
  </si>
  <si>
    <t>［令和2年(2020)=100］</t>
    <rPh sb="1" eb="3">
      <t>レイワ</t>
    </rPh>
    <rPh sb="4" eb="5">
      <t>ネン</t>
    </rPh>
    <phoneticPr fontId="3"/>
  </si>
  <si>
    <t>電気・ガス</t>
    <rPh sb="0" eb="2">
      <t>デンキ</t>
    </rPh>
    <phoneticPr fontId="3"/>
  </si>
  <si>
    <t>情報通信業</t>
    <rPh sb="0" eb="2">
      <t>ジョウホウ</t>
    </rPh>
    <rPh sb="2" eb="3">
      <t>ツウ</t>
    </rPh>
    <phoneticPr fontId="3"/>
  </si>
  <si>
    <t>運輸業,</t>
    <rPh sb="0" eb="3">
      <t>ウンユギョウ</t>
    </rPh>
    <phoneticPr fontId="3"/>
  </si>
  <si>
    <t>卸売業,</t>
    <rPh sb="0" eb="1">
      <t>オロシ</t>
    </rPh>
    <rPh sb="1" eb="2">
      <t>ウ</t>
    </rPh>
    <rPh sb="2" eb="3">
      <t>ワザ</t>
    </rPh>
    <phoneticPr fontId="3"/>
  </si>
  <si>
    <t>金融業,</t>
    <rPh sb="0" eb="2">
      <t>キンユウ</t>
    </rPh>
    <rPh sb="2" eb="3">
      <t>ワザ</t>
    </rPh>
    <phoneticPr fontId="3"/>
  </si>
  <si>
    <t>不動産業,</t>
    <rPh sb="0" eb="3">
      <t>フドウサン</t>
    </rPh>
    <rPh sb="3" eb="4">
      <t>ギョウ</t>
    </rPh>
    <phoneticPr fontId="3"/>
  </si>
  <si>
    <t>学術研究.専門</t>
    <rPh sb="0" eb="2">
      <t>ガクジュツ</t>
    </rPh>
    <rPh sb="2" eb="4">
      <t>ケンキュウ</t>
    </rPh>
    <rPh sb="5" eb="7">
      <t>センモン</t>
    </rPh>
    <phoneticPr fontId="3"/>
  </si>
  <si>
    <t>宿泊業,</t>
    <rPh sb="0" eb="2">
      <t>シュクハク</t>
    </rPh>
    <rPh sb="2" eb="3">
      <t>ギョウ</t>
    </rPh>
    <phoneticPr fontId="3"/>
  </si>
  <si>
    <t>生活関連サービス業</t>
    <rPh sb="0" eb="2">
      <t>セイカツ</t>
    </rPh>
    <rPh sb="2" eb="4">
      <t>カンレン</t>
    </rPh>
    <rPh sb="8" eb="9">
      <t>ギョウ</t>
    </rPh>
    <phoneticPr fontId="3"/>
  </si>
  <si>
    <t>教育，</t>
    <rPh sb="0" eb="2">
      <t>キョウイク</t>
    </rPh>
    <phoneticPr fontId="3"/>
  </si>
  <si>
    <t>医療，福祉</t>
    <rPh sb="0" eb="2">
      <t>イリョウ</t>
    </rPh>
    <phoneticPr fontId="3"/>
  </si>
  <si>
    <t>複合サー</t>
    <rPh sb="0" eb="2">
      <t>フクゴウ</t>
    </rPh>
    <phoneticPr fontId="3"/>
  </si>
  <si>
    <t>サービス業</t>
    <phoneticPr fontId="3"/>
  </si>
  <si>
    <t>熱供給・水道業</t>
    <rPh sb="0" eb="1">
      <t>ネツ</t>
    </rPh>
    <rPh sb="1" eb="3">
      <t>キョウキュウ</t>
    </rPh>
    <rPh sb="4" eb="7">
      <t>スイドウギョウ</t>
    </rPh>
    <phoneticPr fontId="3"/>
  </si>
  <si>
    <t>郵便業</t>
  </si>
  <si>
    <t>小売業</t>
    <rPh sb="0" eb="3">
      <t>コウリギョウ</t>
    </rPh>
    <phoneticPr fontId="3"/>
  </si>
  <si>
    <t>保険業</t>
    <rPh sb="0" eb="3">
      <t>ホケンギョウ</t>
    </rPh>
    <phoneticPr fontId="3"/>
  </si>
  <si>
    <t>物品賃貸業</t>
    <rPh sb="0" eb="2">
      <t>ブッピン</t>
    </rPh>
    <rPh sb="2" eb="5">
      <t>チンタイギョウ</t>
    </rPh>
    <phoneticPr fontId="3"/>
  </si>
  <si>
    <t>・技術サービス業</t>
    <rPh sb="1" eb="3">
      <t>ギジュツ</t>
    </rPh>
    <rPh sb="7" eb="8">
      <t>ギョウ</t>
    </rPh>
    <phoneticPr fontId="3"/>
  </si>
  <si>
    <t>飲食サービス業</t>
    <rPh sb="0" eb="2">
      <t>インショク</t>
    </rPh>
    <rPh sb="6" eb="7">
      <t>ギョウ</t>
    </rPh>
    <phoneticPr fontId="3"/>
  </si>
  <si>
    <t>,娯楽業</t>
    <rPh sb="1" eb="4">
      <t>ゴラクギョウ</t>
    </rPh>
    <phoneticPr fontId="3"/>
  </si>
  <si>
    <t>学習支援業</t>
    <rPh sb="0" eb="1">
      <t>ガク</t>
    </rPh>
    <rPh sb="1" eb="2">
      <t>ナラ</t>
    </rPh>
    <rPh sb="2" eb="4">
      <t>シエン</t>
    </rPh>
    <rPh sb="4" eb="5">
      <t>ギョウ</t>
    </rPh>
    <phoneticPr fontId="3"/>
  </si>
  <si>
    <t>ビス事業</t>
    <rPh sb="2" eb="4">
      <t>ジギョウ</t>
    </rPh>
    <phoneticPr fontId="3"/>
  </si>
  <si>
    <t xml:space="preserve">           前年同月比</t>
    <rPh sb="11" eb="12">
      <t>ゼン</t>
    </rPh>
    <rPh sb="12" eb="13">
      <t>サクネン</t>
    </rPh>
    <rPh sb="13" eb="14">
      <t>ドウ</t>
    </rPh>
    <rPh sb="14" eb="15">
      <t>ツキ</t>
    </rPh>
    <rPh sb="15" eb="16">
      <t>ヒ</t>
    </rPh>
    <phoneticPr fontId="3"/>
  </si>
  <si>
    <t>事業所規模5人以上</t>
    <rPh sb="0" eb="3">
      <t>ジギョウショ</t>
    </rPh>
    <rPh sb="3" eb="5">
      <t>キボ</t>
    </rPh>
    <rPh sb="6" eb="7">
      <t>ニン</t>
    </rPh>
    <rPh sb="7" eb="9">
      <t>イジョウ</t>
    </rPh>
    <phoneticPr fontId="3"/>
  </si>
  <si>
    <t>令和4年</t>
    <rPh sb="0" eb="1">
      <t>レイ</t>
    </rPh>
    <rPh sb="1" eb="2">
      <t>ワ</t>
    </rPh>
    <rPh sb="3" eb="4">
      <t>ネン</t>
    </rPh>
    <phoneticPr fontId="3"/>
  </si>
  <si>
    <t>人以上</t>
    <phoneticPr fontId="3"/>
  </si>
  <si>
    <t>(注)前年同月比のうち、年次の場合は前年比です。</t>
    <rPh sb="1" eb="2">
      <t>チュウ</t>
    </rPh>
    <rPh sb="3" eb="4">
      <t>マエ</t>
    </rPh>
    <rPh sb="4" eb="5">
      <t>ドシ</t>
    </rPh>
    <rPh sb="5" eb="7">
      <t>ドウゲツ</t>
    </rPh>
    <rPh sb="7" eb="8">
      <t>ヒ</t>
    </rPh>
    <rPh sb="12" eb="14">
      <t>ネンジ</t>
    </rPh>
    <rPh sb="15" eb="17">
      <t>バアイ</t>
    </rPh>
    <rPh sb="20" eb="21">
      <t>ヒ</t>
    </rPh>
    <phoneticPr fontId="3"/>
  </si>
  <si>
    <t>- 17 -</t>
    <phoneticPr fontId="3"/>
  </si>
  <si>
    <t>第６－２表　　　産業別実質賃金指数（現金給与総額）</t>
    <rPh sb="0" eb="1">
      <t>ダイ</t>
    </rPh>
    <rPh sb="4" eb="5">
      <t>ヒョウ</t>
    </rPh>
    <rPh sb="8" eb="10">
      <t>サンギョウ</t>
    </rPh>
    <rPh sb="10" eb="11">
      <t>ベツ</t>
    </rPh>
    <rPh sb="11" eb="13">
      <t>ジッシツ</t>
    </rPh>
    <rPh sb="13" eb="15">
      <t>チンギン</t>
    </rPh>
    <rPh sb="15" eb="17">
      <t>シスウ</t>
    </rPh>
    <rPh sb="18" eb="20">
      <t>ゲンキン</t>
    </rPh>
    <rPh sb="20" eb="22">
      <t>キュウヨ</t>
    </rPh>
    <rPh sb="22" eb="24">
      <t>ソウガク</t>
    </rPh>
    <phoneticPr fontId="3"/>
  </si>
  <si>
    <t>［令和2年(2020)=100］</t>
    <phoneticPr fontId="3"/>
  </si>
  <si>
    <t>(注)前年同月比のうち、年次の場合は前年比です。実質賃金指数は、名目賃金指数を消費者物価指数（持家帰属家賃を除く総合指数）で除して百分率化したものです。</t>
    <phoneticPr fontId="3"/>
  </si>
  <si>
    <t>- 18 -</t>
    <phoneticPr fontId="3"/>
  </si>
  <si>
    <t>第６－３表　　　産業別名目賃金指数（きまって支給する給与）</t>
    <rPh sb="0" eb="1">
      <t>ダイ</t>
    </rPh>
    <rPh sb="4" eb="5">
      <t>ヒョウ</t>
    </rPh>
    <rPh sb="8" eb="10">
      <t>サンギョウ</t>
    </rPh>
    <rPh sb="10" eb="11">
      <t>ベツ</t>
    </rPh>
    <rPh sb="11" eb="13">
      <t>メイモク</t>
    </rPh>
    <rPh sb="13" eb="15">
      <t>チンギン</t>
    </rPh>
    <rPh sb="15" eb="17">
      <t>シスウ</t>
    </rPh>
    <rPh sb="22" eb="24">
      <t>シキュウ</t>
    </rPh>
    <rPh sb="26" eb="28">
      <t>キュウヨ</t>
    </rPh>
    <phoneticPr fontId="3"/>
  </si>
  <si>
    <t>- 19 -</t>
    <phoneticPr fontId="3"/>
  </si>
  <si>
    <t>第６－４表　　　産業別実質賃金指数（きまって支給する給与）</t>
    <rPh sb="0" eb="1">
      <t>ダイ</t>
    </rPh>
    <rPh sb="4" eb="5">
      <t>ヒョウ</t>
    </rPh>
    <rPh sb="8" eb="10">
      <t>サンギョウ</t>
    </rPh>
    <rPh sb="10" eb="11">
      <t>ベツ</t>
    </rPh>
    <rPh sb="11" eb="13">
      <t>ジッシツ</t>
    </rPh>
    <rPh sb="13" eb="15">
      <t>チンギン</t>
    </rPh>
    <rPh sb="15" eb="17">
      <t>シスウ</t>
    </rPh>
    <rPh sb="22" eb="24">
      <t>シキュウ</t>
    </rPh>
    <rPh sb="26" eb="28">
      <t>キュウヨ</t>
    </rPh>
    <phoneticPr fontId="3"/>
  </si>
  <si>
    <t>- 20 -</t>
    <phoneticPr fontId="3"/>
  </si>
  <si>
    <t>第７－１表　　　産業別労働時間指数（総実労働時間）</t>
    <rPh sb="0" eb="1">
      <t>ダイ</t>
    </rPh>
    <rPh sb="4" eb="5">
      <t>ヒョウ</t>
    </rPh>
    <rPh sb="8" eb="10">
      <t>サンギョウ</t>
    </rPh>
    <rPh sb="10" eb="11">
      <t>ベツ</t>
    </rPh>
    <rPh sb="11" eb="13">
      <t>ロウドウ</t>
    </rPh>
    <rPh sb="13" eb="15">
      <t>ジカン</t>
    </rPh>
    <rPh sb="15" eb="17">
      <t>シスウ</t>
    </rPh>
    <rPh sb="18" eb="19">
      <t>ソウ</t>
    </rPh>
    <rPh sb="19" eb="20">
      <t>ジツ</t>
    </rPh>
    <rPh sb="20" eb="22">
      <t>ロウドウ</t>
    </rPh>
    <rPh sb="22" eb="24">
      <t>ジカン</t>
    </rPh>
    <phoneticPr fontId="3"/>
  </si>
  <si>
    <t>- 21 -</t>
    <phoneticPr fontId="3"/>
  </si>
  <si>
    <t>第７－２表　　　産業別労働時間指数（所定内労働時間）</t>
    <rPh sb="0" eb="1">
      <t>ダイ</t>
    </rPh>
    <rPh sb="4" eb="5">
      <t>ヒョウ</t>
    </rPh>
    <rPh sb="8" eb="10">
      <t>サンギョウ</t>
    </rPh>
    <rPh sb="10" eb="11">
      <t>ベツ</t>
    </rPh>
    <rPh sb="11" eb="13">
      <t>ロウドウ</t>
    </rPh>
    <rPh sb="13" eb="15">
      <t>ジカン</t>
    </rPh>
    <rPh sb="15" eb="17">
      <t>シスウ</t>
    </rPh>
    <rPh sb="18" eb="21">
      <t>ショテイナイ</t>
    </rPh>
    <rPh sb="21" eb="23">
      <t>ロウドウ</t>
    </rPh>
    <rPh sb="23" eb="25">
      <t>ジカン</t>
    </rPh>
    <phoneticPr fontId="3"/>
  </si>
  <si>
    <t>- 22 -</t>
    <phoneticPr fontId="3"/>
  </si>
  <si>
    <t>第７－３表　　　産業別労働時間指数（所定外労働時間）</t>
    <rPh sb="0" eb="1">
      <t>ダイ</t>
    </rPh>
    <rPh sb="4" eb="5">
      <t>ヒョウ</t>
    </rPh>
    <rPh sb="8" eb="10">
      <t>サンギョウ</t>
    </rPh>
    <rPh sb="10" eb="11">
      <t>ベツ</t>
    </rPh>
    <rPh sb="11" eb="13">
      <t>ロウドウ</t>
    </rPh>
    <rPh sb="13" eb="15">
      <t>ジカン</t>
    </rPh>
    <rPh sb="15" eb="17">
      <t>シスウ</t>
    </rPh>
    <rPh sb="18" eb="20">
      <t>ショテイ</t>
    </rPh>
    <rPh sb="20" eb="21">
      <t>ガイ</t>
    </rPh>
    <rPh sb="21" eb="23">
      <t>ロウドウ</t>
    </rPh>
    <rPh sb="23" eb="25">
      <t>ジカン</t>
    </rPh>
    <phoneticPr fontId="3"/>
  </si>
  <si>
    <t>- 23 -</t>
    <phoneticPr fontId="3"/>
  </si>
  <si>
    <t>第　８　表　　　　産　業　別　常　用　雇　用　指　数　</t>
    <rPh sb="0" eb="1">
      <t>ダイ</t>
    </rPh>
    <rPh sb="4" eb="5">
      <t>ヒョウ</t>
    </rPh>
    <rPh sb="9" eb="10">
      <t>サン</t>
    </rPh>
    <rPh sb="11" eb="12">
      <t>ギョウ</t>
    </rPh>
    <rPh sb="13" eb="14">
      <t>ベツ</t>
    </rPh>
    <rPh sb="15" eb="16">
      <t>ツネ</t>
    </rPh>
    <rPh sb="17" eb="18">
      <t>ヨウ</t>
    </rPh>
    <rPh sb="19" eb="20">
      <t>ヤトイ</t>
    </rPh>
    <rPh sb="21" eb="22">
      <t>ヨウ</t>
    </rPh>
    <rPh sb="23" eb="24">
      <t>ユビ</t>
    </rPh>
    <rPh sb="25" eb="26">
      <t>カズ</t>
    </rPh>
    <phoneticPr fontId="3"/>
  </si>
  <si>
    <t>令和</t>
  </si>
  <si>
    <t>元年</t>
  </si>
  <si>
    <t>2年</t>
  </si>
  <si>
    <t>3年</t>
  </si>
  <si>
    <t>4年</t>
  </si>
  <si>
    <t>6月</t>
  </si>
  <si>
    <t>7月</t>
  </si>
  <si>
    <t>8月</t>
  </si>
  <si>
    <t>9月</t>
  </si>
  <si>
    <t>10月</t>
  </si>
  <si>
    <t>11月</t>
  </si>
  <si>
    <t>12月</t>
  </si>
  <si>
    <t>令和5年</t>
  </si>
  <si>
    <t>1月</t>
  </si>
  <si>
    <t>2月</t>
  </si>
  <si>
    <t>3月</t>
  </si>
  <si>
    <t>4月</t>
  </si>
  <si>
    <t>5月</t>
  </si>
  <si>
    <t>【参考資料】</t>
    <rPh sb="1" eb="3">
      <t>サンコウ</t>
    </rPh>
    <rPh sb="3" eb="5">
      <t>シリョウ</t>
    </rPh>
    <phoneticPr fontId="27"/>
  </si>
  <si>
    <t>毎月勤労統計における共通事業所による前年同月比の参考提供について</t>
    <rPh sb="0" eb="1">
      <t>マイツキ</t>
    </rPh>
    <rPh sb="1" eb="3">
      <t>キンロウ</t>
    </rPh>
    <rPh sb="3" eb="5">
      <t>トウケイ</t>
    </rPh>
    <rPh sb="9" eb="11">
      <t>キョウツウ</t>
    </rPh>
    <rPh sb="11" eb="14">
      <t>ジギョウショ</t>
    </rPh>
    <rPh sb="17" eb="19">
      <t>ゼンネン</t>
    </rPh>
    <rPh sb="19" eb="22">
      <t>ドウゲツヒ</t>
    </rPh>
    <rPh sb="23" eb="25">
      <t>サンコウ</t>
    </rPh>
    <rPh sb="25" eb="27">
      <t>テイキョウ</t>
    </rPh>
    <phoneticPr fontId="27"/>
  </si>
  <si>
    <t>（注１）共通事業所とは、「前年同月分」及び「当月分」ともに集計対象となった調査対象事業所のことである。</t>
    <rPh sb="1" eb="2">
      <t>チュウ</t>
    </rPh>
    <rPh sb="4" eb="6">
      <t>キョウツウ</t>
    </rPh>
    <rPh sb="6" eb="8">
      <t>ジギョウ</t>
    </rPh>
    <rPh sb="8" eb="9">
      <t>ショ</t>
    </rPh>
    <rPh sb="13" eb="15">
      <t>ゼンネン</t>
    </rPh>
    <rPh sb="15" eb="17">
      <t>ドウゲツ</t>
    </rPh>
    <rPh sb="17" eb="18">
      <t>ブン</t>
    </rPh>
    <rPh sb="19" eb="20">
      <t>オヨ</t>
    </rPh>
    <rPh sb="22" eb="25">
      <t>トウゲツブン</t>
    </rPh>
    <rPh sb="29" eb="31">
      <t>シュウケイ</t>
    </rPh>
    <rPh sb="31" eb="33">
      <t>タイショウ</t>
    </rPh>
    <rPh sb="37" eb="39">
      <t>チョウサ</t>
    </rPh>
    <rPh sb="39" eb="41">
      <t>タイショウ</t>
    </rPh>
    <rPh sb="41" eb="44">
      <t>ジギョウショ</t>
    </rPh>
    <phoneticPr fontId="3"/>
  </si>
  <si>
    <t>　　　平成30年から部分入替え方式の導入に伴い、常に一部の調査事業所が前年も調査対象となっていることから</t>
    <rPh sb="3" eb="5">
      <t>ヘイセイ</t>
    </rPh>
    <rPh sb="7" eb="8">
      <t>ネン</t>
    </rPh>
    <rPh sb="10" eb="12">
      <t>ブブン</t>
    </rPh>
    <rPh sb="12" eb="14">
      <t>イレカ</t>
    </rPh>
    <rPh sb="15" eb="17">
      <t>ホウシキ</t>
    </rPh>
    <rPh sb="18" eb="20">
      <t>ドウニュウ</t>
    </rPh>
    <rPh sb="21" eb="22">
      <t>トモナ</t>
    </rPh>
    <rPh sb="24" eb="25">
      <t>ツネ</t>
    </rPh>
    <rPh sb="26" eb="28">
      <t>イチブ</t>
    </rPh>
    <rPh sb="29" eb="31">
      <t>チョウサ</t>
    </rPh>
    <rPh sb="31" eb="33">
      <t>ジギョウ</t>
    </rPh>
    <rPh sb="33" eb="34">
      <t>ショ</t>
    </rPh>
    <rPh sb="35" eb="37">
      <t>ゼンネン</t>
    </rPh>
    <rPh sb="38" eb="40">
      <t>チョウサ</t>
    </rPh>
    <rPh sb="40" eb="42">
      <t>タイショウ</t>
    </rPh>
    <phoneticPr fontId="3"/>
  </si>
  <si>
    <t>　　　共通事業所に限定した集計が可能となった。</t>
    <rPh sb="2" eb="4">
      <t>キョウツウ</t>
    </rPh>
    <rPh sb="4" eb="7">
      <t>ジギョウショ</t>
    </rPh>
    <rPh sb="8" eb="10">
      <t>ゲンテイ</t>
    </rPh>
    <rPh sb="12" eb="14">
      <t>シュウケイ</t>
    </rPh>
    <rPh sb="15" eb="17">
      <t>カノウ</t>
    </rPh>
    <phoneticPr fontId="3"/>
  </si>
  <si>
    <t>（注２）共通事業所集計では、同一事業所の平均賃金などの変化をみるためのものであり、労働者数の変化の影響</t>
    <rPh sb="1" eb="2">
      <t>チュウ</t>
    </rPh>
    <rPh sb="4" eb="6">
      <t>キョウツウ</t>
    </rPh>
    <rPh sb="6" eb="8">
      <t>ジギョウ</t>
    </rPh>
    <rPh sb="8" eb="9">
      <t>ショ</t>
    </rPh>
    <rPh sb="9" eb="11">
      <t>シュウケイ</t>
    </rPh>
    <rPh sb="14" eb="16">
      <t>ドウイツ</t>
    </rPh>
    <rPh sb="16" eb="18">
      <t>ジギョウ</t>
    </rPh>
    <rPh sb="18" eb="19">
      <t>ショ</t>
    </rPh>
    <rPh sb="20" eb="22">
      <t>ヘイキン</t>
    </rPh>
    <rPh sb="22" eb="24">
      <t>チンギン</t>
    </rPh>
    <rPh sb="27" eb="29">
      <t>ヘンカ</t>
    </rPh>
    <rPh sb="41" eb="44">
      <t>ロウドウシャ</t>
    </rPh>
    <rPh sb="44" eb="45">
      <t>スウ</t>
    </rPh>
    <rPh sb="46" eb="48">
      <t>ヘンカ</t>
    </rPh>
    <rPh sb="49" eb="51">
      <t>エイキョウ</t>
    </rPh>
    <phoneticPr fontId="3"/>
  </si>
  <si>
    <t>　　　を除くため、前年同月も当月の労働者数をもとに月々の平均賃金などを計算している。</t>
    <rPh sb="4" eb="5">
      <t>ノゾ</t>
    </rPh>
    <rPh sb="9" eb="11">
      <t>ゼンネン</t>
    </rPh>
    <rPh sb="11" eb="13">
      <t>ドウゲツ</t>
    </rPh>
    <rPh sb="14" eb="16">
      <t>トウゲツ</t>
    </rPh>
    <rPh sb="17" eb="20">
      <t>ロウドウシャ</t>
    </rPh>
    <rPh sb="20" eb="21">
      <t>スウ</t>
    </rPh>
    <rPh sb="25" eb="27">
      <t>ツキヅキ</t>
    </rPh>
    <rPh sb="28" eb="30">
      <t>ヘイキン</t>
    </rPh>
    <rPh sb="30" eb="32">
      <t>チンギン</t>
    </rPh>
    <rPh sb="35" eb="37">
      <t>ケイサン</t>
    </rPh>
    <phoneticPr fontId="3"/>
  </si>
  <si>
    <t>（注３）共通事業所のみを用いて集計を行っているため、本系列（全ての調査対象事業所のデータを用いて作成し</t>
    <rPh sb="1" eb="2">
      <t>チュウ</t>
    </rPh>
    <rPh sb="4" eb="6">
      <t>キョウツウ</t>
    </rPh>
    <rPh sb="6" eb="8">
      <t>ジギョウ</t>
    </rPh>
    <rPh sb="8" eb="9">
      <t>ショ</t>
    </rPh>
    <rPh sb="12" eb="13">
      <t>モチ</t>
    </rPh>
    <rPh sb="15" eb="17">
      <t>シュウケイ</t>
    </rPh>
    <rPh sb="18" eb="19">
      <t>オコナ</t>
    </rPh>
    <rPh sb="26" eb="27">
      <t>ホン</t>
    </rPh>
    <rPh sb="27" eb="29">
      <t>ケイレツ</t>
    </rPh>
    <rPh sb="30" eb="31">
      <t>スベ</t>
    </rPh>
    <rPh sb="33" eb="35">
      <t>チョウサ</t>
    </rPh>
    <rPh sb="35" eb="37">
      <t>タイショウ</t>
    </rPh>
    <rPh sb="37" eb="40">
      <t>ジギョウショ</t>
    </rPh>
    <rPh sb="45" eb="46">
      <t>モチ</t>
    </rPh>
    <rPh sb="48" eb="50">
      <t>サクセイ</t>
    </rPh>
    <phoneticPr fontId="3"/>
  </si>
  <si>
    <t>　　　た集計）に比べ、サンプルサイズが小さくなることに留意が必要である。</t>
    <rPh sb="3" eb="5">
      <t>シュウケイ</t>
    </rPh>
    <rPh sb="7" eb="8">
      <t>クラ</t>
    </rPh>
    <rPh sb="18" eb="19">
      <t>チイ</t>
    </rPh>
    <rPh sb="26" eb="28">
      <t>リュウイ</t>
    </rPh>
    <rPh sb="29" eb="31">
      <t>ヒツヨウ</t>
    </rPh>
    <phoneticPr fontId="3"/>
  </si>
  <si>
    <t>（調査産業計、事業所規模５人以上、就業形態計）</t>
    <rPh sb="1" eb="3">
      <t>チョウサ</t>
    </rPh>
    <rPh sb="3" eb="5">
      <t>サンギョウ</t>
    </rPh>
    <rPh sb="5" eb="6">
      <t>ケイ</t>
    </rPh>
    <rPh sb="7" eb="10">
      <t>ジギョウショ</t>
    </rPh>
    <rPh sb="9" eb="11">
      <t>キボ</t>
    </rPh>
    <rPh sb="12" eb="13">
      <t>ニン</t>
    </rPh>
    <rPh sb="13" eb="15">
      <t>イジョウ</t>
    </rPh>
    <rPh sb="17" eb="19">
      <t>シュウギョウ</t>
    </rPh>
    <rPh sb="19" eb="21">
      <t>ケイタイ</t>
    </rPh>
    <rPh sb="21" eb="22">
      <t>ケイ</t>
    </rPh>
    <phoneticPr fontId="32"/>
  </si>
  <si>
    <t>年　月</t>
    <rPh sb="0" eb="1">
      <t>ネン</t>
    </rPh>
    <rPh sb="2" eb="3">
      <t>ツキ</t>
    </rPh>
    <phoneticPr fontId="27"/>
  </si>
  <si>
    <t>賃金</t>
    <rPh sb="0" eb="2">
      <t>チンギン</t>
    </rPh>
    <phoneticPr fontId="32"/>
  </si>
  <si>
    <t>労働時間</t>
    <rPh sb="0" eb="2">
      <t>ロウドウ</t>
    </rPh>
    <rPh sb="2" eb="4">
      <t>ジカン</t>
    </rPh>
    <phoneticPr fontId="32"/>
  </si>
  <si>
    <t>現金給与総額</t>
  </si>
  <si>
    <t>きまって支給する給与</t>
    <phoneticPr fontId="32"/>
  </si>
  <si>
    <t>所定内給与</t>
    <rPh sb="0" eb="3">
      <t>ショテイナイ</t>
    </rPh>
    <rPh sb="3" eb="5">
      <t>キュウヨ</t>
    </rPh>
    <phoneticPr fontId="27"/>
  </si>
  <si>
    <t>総実労働時間</t>
    <phoneticPr fontId="32"/>
  </si>
  <si>
    <t>所定内
労働時間</t>
    <rPh sb="0" eb="3">
      <t>ショテイナイ</t>
    </rPh>
    <rPh sb="4" eb="6">
      <t>ロウドウ</t>
    </rPh>
    <rPh sb="6" eb="8">
      <t>ジカン</t>
    </rPh>
    <phoneticPr fontId="27"/>
  </si>
  <si>
    <t>所定外
労働時間</t>
    <phoneticPr fontId="32"/>
  </si>
  <si>
    <t>　　　　％</t>
    <phoneticPr fontId="32"/>
  </si>
  <si>
    <t>令和３年７月　</t>
    <rPh sb="0" eb="2">
      <t>レイワ</t>
    </rPh>
    <rPh sb="3" eb="4">
      <t>ネン</t>
    </rPh>
    <phoneticPr fontId="32"/>
  </si>
  <si>
    <t>８月　</t>
  </si>
  <si>
    <t>９月　</t>
    <phoneticPr fontId="32"/>
  </si>
  <si>
    <t>10月　</t>
    <phoneticPr fontId="32"/>
  </si>
  <si>
    <t>11月　</t>
    <phoneticPr fontId="32"/>
  </si>
  <si>
    <t>12月　</t>
    <phoneticPr fontId="32"/>
  </si>
  <si>
    <t>令和４年１月　</t>
    <rPh sb="0" eb="2">
      <t>レイワ</t>
    </rPh>
    <phoneticPr fontId="32"/>
  </si>
  <si>
    <t>２月　</t>
    <rPh sb="1" eb="2">
      <t>ガツ</t>
    </rPh>
    <phoneticPr fontId="32"/>
  </si>
  <si>
    <t>３月　</t>
    <rPh sb="1" eb="2">
      <t>ガツ</t>
    </rPh>
    <phoneticPr fontId="32"/>
  </si>
  <si>
    <t>４月　</t>
    <rPh sb="1" eb="2">
      <t>ガツ</t>
    </rPh>
    <phoneticPr fontId="32"/>
  </si>
  <si>
    <t>５月　</t>
    <rPh sb="1" eb="2">
      <t>ガツ</t>
    </rPh>
    <phoneticPr fontId="32"/>
  </si>
  <si>
    <t>６月　</t>
    <rPh sb="1" eb="2">
      <t>ガツ</t>
    </rPh>
    <phoneticPr fontId="32"/>
  </si>
  <si>
    <t>７月　</t>
    <rPh sb="1" eb="2">
      <t>ガツ</t>
    </rPh>
    <phoneticPr fontId="32"/>
  </si>
  <si>
    <t>８月　</t>
    <rPh sb="1" eb="2">
      <t>ガツ</t>
    </rPh>
    <phoneticPr fontId="32"/>
  </si>
  <si>
    <t>９月　</t>
    <rPh sb="1" eb="2">
      <t>ガツ</t>
    </rPh>
    <phoneticPr fontId="32"/>
  </si>
  <si>
    <t>10月　</t>
    <rPh sb="2" eb="3">
      <t>ガツ</t>
    </rPh>
    <phoneticPr fontId="32"/>
  </si>
  <si>
    <t>11月　</t>
    <rPh sb="2" eb="3">
      <t>ガツ</t>
    </rPh>
    <phoneticPr fontId="32"/>
  </si>
  <si>
    <t>12月　</t>
    <rPh sb="2" eb="3">
      <t>ガツ</t>
    </rPh>
    <phoneticPr fontId="32"/>
  </si>
  <si>
    <t>令和５年１月　</t>
    <rPh sb="0" eb="2">
      <t>レイワ</t>
    </rPh>
    <phoneticPr fontId="32"/>
  </si>
  <si>
    <t>２月　</t>
    <phoneticPr fontId="32"/>
  </si>
  <si>
    <t>３月　</t>
    <phoneticPr fontId="32"/>
  </si>
  <si>
    <t>４月　</t>
  </si>
  <si>
    <t>５月　</t>
  </si>
  <si>
    <t>６月　</t>
    <phoneticPr fontId="32"/>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22">
    <numFmt numFmtId="176" formatCode="#,##0_ "/>
    <numFmt numFmtId="177" formatCode="0.0_ "/>
    <numFmt numFmtId="178" formatCode="0.00_ "/>
    <numFmt numFmtId="179" formatCode="0.0"/>
    <numFmt numFmtId="180" formatCode="#,###"/>
    <numFmt numFmtId="181" formatCode="#,###____"/>
    <numFmt numFmtId="182" formatCode="#,###______"/>
    <numFmt numFmtId="183" formatCode="0.0__"/>
    <numFmt numFmtId="184" formatCode="#,###__"/>
    <numFmt numFmtId="185" formatCode="0.0%"/>
    <numFmt numFmtId="186" formatCode="0.0____________"/>
    <numFmt numFmtId="187" formatCode="0.0________"/>
    <numFmt numFmtId="188" formatCode="0.0______"/>
    <numFmt numFmtId="189" formatCode="0.0__________"/>
    <numFmt numFmtId="190" formatCode="0.00__________"/>
    <numFmt numFmtId="191" formatCode="0.00____"/>
    <numFmt numFmtId="192" formatCode="#,###______;#,###______;0______;&quot;×&quot;______"/>
    <numFmt numFmtId="193" formatCode="0.0____________;0.0____________;0____________;&quot;×&quot;____________"/>
    <numFmt numFmtId="194" formatCode="0.0________;0.0________;0________;&quot;×&quot;________"/>
    <numFmt numFmtId="195" formatCode="0.0____;0.0____;0.0____;&quot;×&quot;____"/>
    <numFmt numFmtId="196" formatCode="0.00____;0.00____;0.00____;&quot;×&quot;____"/>
    <numFmt numFmtId="197" formatCode="_-0.0;\-0.0"/>
  </numFmts>
  <fonts count="33" x14ac:knownFonts="1">
    <font>
      <sz val="11"/>
      <name val="ＭＳ Ｐゴシック"/>
      <family val="3"/>
      <charset val="128"/>
    </font>
    <font>
      <sz val="11"/>
      <name val="ＭＳ Ｐゴシック"/>
      <family val="3"/>
      <charset val="128"/>
    </font>
    <font>
      <sz val="10"/>
      <name val="HGPｺﾞｼｯｸM"/>
      <family val="3"/>
      <charset val="128"/>
    </font>
    <font>
      <sz val="6"/>
      <name val="ＭＳ Ｐゴシック"/>
      <family val="3"/>
      <charset val="128"/>
    </font>
    <font>
      <sz val="11"/>
      <name val="ＭＳ ゴシック"/>
      <family val="3"/>
      <charset val="128"/>
    </font>
    <font>
      <sz val="8"/>
      <name val="ＭＳ ゴシック"/>
      <family val="3"/>
      <charset val="128"/>
    </font>
    <font>
      <sz val="12"/>
      <name val="HGPｺﾞｼｯｸM"/>
      <family val="3"/>
      <charset val="128"/>
    </font>
    <font>
      <sz val="8"/>
      <name val="HGPｺﾞｼｯｸM"/>
      <family val="3"/>
      <charset val="128"/>
    </font>
    <font>
      <sz val="11"/>
      <name val="HGPｺﾞｼｯｸM"/>
      <family val="3"/>
      <charset val="128"/>
    </font>
    <font>
      <sz val="10"/>
      <name val="ＭＳ ゴシック"/>
      <family val="3"/>
      <charset val="128"/>
    </font>
    <font>
      <sz val="11"/>
      <name val="HGPｺﾞｼｯｸE"/>
      <family val="3"/>
      <charset val="128"/>
    </font>
    <font>
      <sz val="9"/>
      <name val="HGPｺﾞｼｯｸM"/>
      <family val="3"/>
      <charset val="128"/>
    </font>
    <font>
      <sz val="6"/>
      <name val="HGPｺﾞｼｯｸM"/>
      <family val="3"/>
      <charset val="128"/>
    </font>
    <font>
      <sz val="9"/>
      <name val="ＭＳ ゴシック"/>
      <family val="3"/>
      <charset val="128"/>
    </font>
    <font>
      <b/>
      <sz val="8"/>
      <name val="ＭＳ ゴシック"/>
      <family val="3"/>
      <charset val="128"/>
    </font>
    <font>
      <sz val="14"/>
      <color indexed="9"/>
      <name val="HGPｺﾞｼｯｸE"/>
      <family val="3"/>
      <charset val="128"/>
    </font>
    <font>
      <b/>
      <sz val="12"/>
      <name val="ＭＳ ゴシック"/>
      <family val="3"/>
      <charset val="128"/>
    </font>
    <font>
      <b/>
      <sz val="9"/>
      <name val="ＭＳ ゴシック"/>
      <family val="3"/>
      <charset val="128"/>
    </font>
    <font>
      <sz val="6"/>
      <name val="ＭＳ ゴシック"/>
      <family val="3"/>
      <charset val="128"/>
    </font>
    <font>
      <b/>
      <sz val="11"/>
      <name val="ＭＳ ゴシック"/>
      <family val="3"/>
      <charset val="128"/>
    </font>
    <font>
      <sz val="7.5"/>
      <name val="ＭＳ ゴシック"/>
      <family val="3"/>
      <charset val="128"/>
    </font>
    <font>
      <sz val="8"/>
      <name val="ＭＳ Ｐゴシック"/>
      <family val="3"/>
      <charset val="128"/>
    </font>
    <font>
      <sz val="4.5"/>
      <name val="ＭＳ ゴシック"/>
      <family val="3"/>
      <charset val="128"/>
    </font>
    <font>
      <sz val="10"/>
      <name val="ＭＳ Ｐゴシック"/>
      <family val="3"/>
      <charset val="128"/>
    </font>
    <font>
      <sz val="5.5"/>
      <name val="HGPｺﾞｼｯｸM"/>
      <family val="3"/>
      <charset val="128"/>
    </font>
    <font>
      <sz val="11"/>
      <name val="ＭＳ 明朝"/>
      <family val="1"/>
      <charset val="128"/>
    </font>
    <font>
      <b/>
      <sz val="14"/>
      <name val="游ゴシック"/>
      <family val="3"/>
      <charset val="128"/>
      <scheme val="minor"/>
    </font>
    <font>
      <sz val="6"/>
      <name val="ＭＳ 明朝"/>
      <family val="1"/>
      <charset val="128"/>
    </font>
    <font>
      <sz val="11"/>
      <color theme="1"/>
      <name val="游ゴシック"/>
      <family val="2"/>
      <charset val="128"/>
      <scheme val="minor"/>
    </font>
    <font>
      <sz val="10"/>
      <color rgb="FF000000"/>
      <name val="ＭＳ ゴシック"/>
      <family val="3"/>
      <charset val="128"/>
    </font>
    <font>
      <sz val="16"/>
      <name val="ｺﾞｼｯｸ"/>
      <family val="3"/>
      <charset val="128"/>
    </font>
    <font>
      <sz val="10"/>
      <name val="ｺﾞｼｯｸ"/>
      <family val="3"/>
      <charset val="128"/>
    </font>
    <font>
      <sz val="6"/>
      <name val="游ゴシック"/>
      <family val="2"/>
      <charset val="128"/>
      <scheme val="minor"/>
    </font>
  </fonts>
  <fills count="7">
    <fill>
      <patternFill patternType="none"/>
    </fill>
    <fill>
      <patternFill patternType="gray125"/>
    </fill>
    <fill>
      <patternFill patternType="solid">
        <fgColor indexed="8"/>
        <bgColor indexed="64"/>
      </patternFill>
    </fill>
    <fill>
      <patternFill patternType="solid">
        <fgColor indexed="44"/>
        <bgColor indexed="64"/>
      </patternFill>
    </fill>
    <fill>
      <patternFill patternType="solid">
        <fgColor rgb="FF99CCFF"/>
        <bgColor rgb="FF99CCFF"/>
      </patternFill>
    </fill>
    <fill>
      <patternFill patternType="solid">
        <fgColor indexed="44"/>
        <bgColor rgb="FF99CCFF"/>
      </patternFill>
    </fill>
    <fill>
      <patternFill patternType="solid">
        <fgColor rgb="FF99CCFF"/>
        <bgColor indexed="64"/>
      </patternFill>
    </fill>
  </fills>
  <borders count="38">
    <border>
      <left/>
      <right/>
      <top/>
      <bottom/>
      <diagonal/>
    </border>
    <border>
      <left/>
      <right/>
      <top style="thin">
        <color indexed="64"/>
      </top>
      <bottom style="thin">
        <color indexed="64"/>
      </bottom>
      <diagonal/>
    </border>
    <border>
      <left/>
      <right/>
      <top/>
      <bottom style="medium">
        <color indexed="64"/>
      </bottom>
      <diagonal/>
    </border>
    <border>
      <left/>
      <right/>
      <top style="medium">
        <color indexed="64"/>
      </top>
      <bottom/>
      <diagonal/>
    </border>
    <border>
      <left/>
      <right style="thin">
        <color indexed="64"/>
      </right>
      <top style="medium">
        <color indexed="64"/>
      </top>
      <bottom/>
      <diagonal/>
    </border>
    <border>
      <left style="thin">
        <color indexed="64"/>
      </left>
      <right/>
      <top style="medium">
        <color indexed="64"/>
      </top>
      <bottom/>
      <diagonal/>
    </border>
    <border>
      <left/>
      <right style="thin">
        <color indexed="64"/>
      </right>
      <top/>
      <bottom/>
      <diagonal/>
    </border>
    <border>
      <left style="thin">
        <color indexed="64"/>
      </left>
      <right/>
      <top/>
      <bottom/>
      <diagonal/>
    </border>
    <border>
      <left style="thin">
        <color indexed="64"/>
      </left>
      <right/>
      <top style="thin">
        <color indexed="64"/>
      </top>
      <bottom/>
      <diagonal/>
    </border>
    <border>
      <left/>
      <right/>
      <top style="thin">
        <color indexed="64"/>
      </top>
      <bottom/>
      <diagonal/>
    </border>
    <border>
      <left/>
      <right/>
      <top/>
      <bottom style="thin">
        <color indexed="64"/>
      </bottom>
      <diagonal/>
    </border>
    <border>
      <left/>
      <right style="thin">
        <color indexed="64"/>
      </right>
      <top/>
      <bottom style="thin">
        <color indexed="64"/>
      </bottom>
      <diagonal/>
    </border>
    <border>
      <left style="thin">
        <color indexed="64"/>
      </left>
      <right/>
      <top/>
      <bottom style="thin">
        <color indexed="64"/>
      </bottom>
      <diagonal/>
    </border>
    <border>
      <left/>
      <right/>
      <top style="hair">
        <color indexed="64"/>
      </top>
      <bottom/>
      <diagonal/>
    </border>
    <border>
      <left style="thin">
        <color indexed="64"/>
      </left>
      <right/>
      <top style="hair">
        <color indexed="64"/>
      </top>
      <bottom/>
      <diagonal/>
    </border>
    <border>
      <left/>
      <right style="thin">
        <color indexed="64"/>
      </right>
      <top/>
      <bottom style="medium">
        <color indexed="64"/>
      </bottom>
      <diagonal/>
    </border>
    <border>
      <left/>
      <right/>
      <top style="medium">
        <color indexed="64"/>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style="thin">
        <color indexed="64"/>
      </bottom>
      <diagonal/>
    </border>
    <border>
      <left/>
      <right/>
      <top/>
      <bottom style="hair">
        <color indexed="64"/>
      </bottom>
      <diagonal/>
    </border>
    <border>
      <left/>
      <right style="thin">
        <color indexed="64"/>
      </right>
      <top style="hair">
        <color indexed="64"/>
      </top>
      <bottom/>
      <diagonal/>
    </border>
    <border>
      <left style="thin">
        <color indexed="64"/>
      </left>
      <right/>
      <top style="medium">
        <color indexed="64"/>
      </top>
      <bottom style="thin">
        <color indexed="64"/>
      </bottom>
      <diagonal/>
    </border>
    <border>
      <left/>
      <right style="thin">
        <color indexed="64"/>
      </right>
      <top style="thin">
        <color indexed="64"/>
      </top>
      <bottom/>
      <diagonal/>
    </border>
    <border>
      <left style="thin">
        <color indexed="64"/>
      </left>
      <right/>
      <top/>
      <bottom style="medium">
        <color indexed="64"/>
      </bottom>
      <diagonal/>
    </border>
    <border>
      <left/>
      <right style="thin">
        <color indexed="64"/>
      </right>
      <top style="thin">
        <color indexed="64"/>
      </top>
      <bottom style="thin">
        <color indexed="64"/>
      </bottom>
      <diagonal/>
    </border>
    <border>
      <left style="thin">
        <color indexed="64"/>
      </left>
      <right style="thin">
        <color indexed="64"/>
      </right>
      <top/>
      <bottom/>
      <diagonal/>
    </border>
    <border>
      <left style="thin">
        <color indexed="64"/>
      </left>
      <right/>
      <top style="thin">
        <color indexed="64"/>
      </top>
      <bottom style="thin">
        <color indexed="64"/>
      </bottom>
      <diagonal/>
    </border>
    <border>
      <left/>
      <right style="double">
        <color indexed="64"/>
      </right>
      <top style="medium">
        <color indexed="64"/>
      </top>
      <bottom/>
      <diagonal/>
    </border>
    <border>
      <left/>
      <right style="double">
        <color indexed="64"/>
      </right>
      <top/>
      <bottom style="thin">
        <color indexed="64"/>
      </bottom>
      <diagonal/>
    </border>
    <border>
      <left/>
      <right style="double">
        <color indexed="64"/>
      </right>
      <top style="thin">
        <color indexed="64"/>
      </top>
      <bottom/>
      <diagonal/>
    </border>
    <border>
      <left/>
      <right style="double">
        <color indexed="64"/>
      </right>
      <top/>
      <bottom/>
      <diagonal/>
    </border>
    <border>
      <left/>
      <right style="double">
        <color indexed="64"/>
      </right>
      <top/>
      <bottom style="medium">
        <color indexed="64"/>
      </bottom>
      <diagonal/>
    </border>
    <border>
      <left style="double">
        <color indexed="64"/>
      </left>
      <right/>
      <top style="medium">
        <color indexed="64"/>
      </top>
      <bottom/>
      <diagonal/>
    </border>
    <border>
      <left/>
      <right style="thin">
        <color indexed="64"/>
      </right>
      <top/>
      <bottom style="dotted">
        <color indexed="64"/>
      </bottom>
      <diagonal/>
    </border>
    <border>
      <left style="thin">
        <color indexed="64"/>
      </left>
      <right/>
      <top style="dotted">
        <color indexed="64"/>
      </top>
      <bottom/>
      <diagonal/>
    </border>
    <border>
      <left/>
      <right style="thin">
        <color indexed="64"/>
      </right>
      <top style="dotted">
        <color indexed="64"/>
      </top>
      <bottom/>
      <diagonal/>
    </border>
    <border>
      <left style="thin">
        <color indexed="64"/>
      </left>
      <right style="thin">
        <color indexed="64"/>
      </right>
      <top style="dotted">
        <color indexed="64"/>
      </top>
      <bottom/>
      <diagonal/>
    </border>
    <border>
      <left/>
      <right/>
      <top style="dotted">
        <color indexed="64"/>
      </top>
      <bottom/>
      <diagonal/>
    </border>
  </borders>
  <cellStyleXfs count="6">
    <xf numFmtId="0" fontId="0" fillId="0" borderId="0"/>
    <xf numFmtId="38" fontId="1" fillId="0" borderId="0" applyFont="0" applyFill="0" applyBorder="0" applyAlignment="0" applyProtection="0"/>
    <xf numFmtId="0" fontId="4" fillId="0" borderId="0">
      <alignment vertical="center"/>
    </xf>
    <xf numFmtId="0" fontId="1" fillId="0" borderId="0"/>
    <xf numFmtId="0" fontId="25" fillId="0" borderId="0"/>
    <xf numFmtId="0" fontId="28" fillId="0" borderId="0">
      <alignment vertical="center"/>
    </xf>
  </cellStyleXfs>
  <cellXfs count="747">
    <xf numFmtId="0" fontId="0" fillId="0" borderId="0" xfId="0"/>
    <xf numFmtId="0" fontId="0" fillId="0" borderId="0" xfId="0" applyFill="1"/>
    <xf numFmtId="0" fontId="0" fillId="0" borderId="0" xfId="0" applyBorder="1"/>
    <xf numFmtId="0" fontId="0" fillId="0" borderId="0" xfId="0" applyAlignment="1">
      <alignment vertical="center"/>
    </xf>
    <xf numFmtId="0" fontId="0" fillId="0" borderId="0" xfId="0" applyAlignment="1">
      <alignment horizontal="left" vertical="center"/>
    </xf>
    <xf numFmtId="0" fontId="0" fillId="0" borderId="0" xfId="0" applyAlignment="1">
      <alignment horizontal="center"/>
    </xf>
    <xf numFmtId="0" fontId="5" fillId="0" borderId="1" xfId="0" applyFont="1" applyFill="1" applyBorder="1" applyAlignment="1">
      <alignment horizontal="center" vertical="center"/>
    </xf>
    <xf numFmtId="0" fontId="8" fillId="0" borderId="0" xfId="0" applyFont="1" applyFill="1" applyAlignment="1">
      <alignment vertical="center"/>
    </xf>
    <xf numFmtId="0" fontId="0" fillId="0" borderId="0" xfId="0" applyFill="1" applyAlignment="1">
      <alignment vertical="center"/>
    </xf>
    <xf numFmtId="0" fontId="0" fillId="0" borderId="0" xfId="0" applyAlignment="1"/>
    <xf numFmtId="0" fontId="0" fillId="0" borderId="0" xfId="0" applyFill="1" applyAlignment="1"/>
    <xf numFmtId="0" fontId="6" fillId="0" borderId="0" xfId="0" applyFont="1" applyFill="1" applyBorder="1" applyAlignment="1">
      <alignment horizontal="left" vertical="center"/>
    </xf>
    <xf numFmtId="0" fontId="6" fillId="0" borderId="0" xfId="0" applyFont="1" applyFill="1" applyBorder="1" applyAlignment="1">
      <alignment horizontal="center" vertical="center"/>
    </xf>
    <xf numFmtId="0" fontId="16" fillId="0" borderId="2" xfId="0" applyFont="1" applyFill="1" applyBorder="1" applyAlignment="1">
      <alignment horizontal="center" vertical="center"/>
    </xf>
    <xf numFmtId="0" fontId="16" fillId="0" borderId="0" xfId="0" applyFont="1" applyFill="1" applyBorder="1" applyAlignment="1">
      <alignment horizontal="center" vertical="center"/>
    </xf>
    <xf numFmtId="0" fontId="17" fillId="0" borderId="3" xfId="0" applyFont="1" applyFill="1" applyBorder="1" applyAlignment="1">
      <alignment horizontal="center" vertical="center"/>
    </xf>
    <xf numFmtId="0" fontId="17" fillId="0" borderId="4" xfId="0" applyFont="1" applyFill="1" applyBorder="1" applyAlignment="1">
      <alignment horizontal="center" vertical="center"/>
    </xf>
    <xf numFmtId="0" fontId="13" fillId="0" borderId="3" xfId="0" applyFont="1" applyFill="1" applyBorder="1" applyAlignment="1">
      <alignment horizontal="center" vertical="center" wrapText="1"/>
    </xf>
    <xf numFmtId="0" fontId="1" fillId="0" borderId="3" xfId="0" applyFont="1" applyBorder="1" applyAlignment="1"/>
    <xf numFmtId="0" fontId="0" fillId="0" borderId="0" xfId="0" applyBorder="1" applyAlignment="1"/>
    <xf numFmtId="0" fontId="17" fillId="0" borderId="0" xfId="0" applyFont="1" applyFill="1" applyBorder="1" applyAlignment="1">
      <alignment horizontal="center" vertical="center"/>
    </xf>
    <xf numFmtId="0" fontId="13" fillId="0" borderId="0" xfId="0" applyFont="1" applyFill="1" applyBorder="1" applyAlignment="1">
      <alignment horizontal="distributed" vertical="center"/>
    </xf>
    <xf numFmtId="0" fontId="17" fillId="0" borderId="6" xfId="0" applyFont="1" applyFill="1" applyBorder="1" applyAlignment="1">
      <alignment horizontal="center" vertical="center"/>
    </xf>
    <xf numFmtId="0" fontId="13" fillId="0" borderId="0" xfId="0" applyFont="1" applyFill="1" applyBorder="1" applyAlignment="1">
      <alignment horizontal="center" vertical="center"/>
    </xf>
    <xf numFmtId="0" fontId="1" fillId="0" borderId="1" xfId="0" applyFont="1" applyBorder="1" applyAlignment="1"/>
    <xf numFmtId="0" fontId="17" fillId="0" borderId="0" xfId="0" applyFont="1" applyFill="1" applyBorder="1" applyAlignment="1">
      <alignment horizontal="center" vertical="center" wrapText="1" shrinkToFit="1"/>
    </xf>
    <xf numFmtId="0" fontId="17" fillId="0" borderId="10" xfId="0" applyFont="1" applyFill="1" applyBorder="1" applyAlignment="1">
      <alignment horizontal="center" vertical="center"/>
    </xf>
    <xf numFmtId="0" fontId="17" fillId="0" borderId="11" xfId="0" applyFont="1" applyFill="1" applyBorder="1" applyAlignment="1">
      <alignment horizontal="center" vertical="center"/>
    </xf>
    <xf numFmtId="0" fontId="17" fillId="0" borderId="12" xfId="0" applyFont="1" applyFill="1" applyBorder="1" applyAlignment="1">
      <alignment horizontal="center" vertical="center"/>
    </xf>
    <xf numFmtId="0" fontId="18" fillId="0" borderId="10" xfId="0" applyFont="1" applyFill="1" applyBorder="1" applyAlignment="1">
      <alignment horizontal="right" vertical="center"/>
    </xf>
    <xf numFmtId="0" fontId="17" fillId="0" borderId="12" xfId="0" applyFont="1" applyFill="1" applyBorder="1" applyAlignment="1">
      <alignment horizontal="center" vertical="center" wrapText="1"/>
    </xf>
    <xf numFmtId="0" fontId="17" fillId="0" borderId="10" xfId="0" applyFont="1" applyFill="1" applyBorder="1" applyAlignment="1">
      <alignment horizontal="center" vertical="center" wrapText="1"/>
    </xf>
    <xf numFmtId="0" fontId="18" fillId="0" borderId="12" xfId="0" applyFont="1" applyFill="1" applyBorder="1" applyAlignment="1">
      <alignment horizontal="right" vertical="center"/>
    </xf>
    <xf numFmtId="0" fontId="17" fillId="0" borderId="10" xfId="0" applyFont="1" applyFill="1" applyBorder="1" applyAlignment="1">
      <alignment horizontal="center" vertical="center" wrapText="1" shrinkToFit="1"/>
    </xf>
    <xf numFmtId="0" fontId="18" fillId="0" borderId="0" xfId="0" applyFont="1" applyFill="1" applyBorder="1" applyAlignment="1">
      <alignment horizontal="right" vertical="center"/>
    </xf>
    <xf numFmtId="0" fontId="11" fillId="0" borderId="0" xfId="0" applyFont="1" applyFill="1" applyBorder="1" applyAlignment="1"/>
    <xf numFmtId="176" fontId="7" fillId="0" borderId="0" xfId="0" applyNumberFormat="1" applyFont="1" applyFill="1" applyBorder="1" applyAlignment="1"/>
    <xf numFmtId="9" fontId="7" fillId="0" borderId="0" xfId="0" applyNumberFormat="1" applyFont="1" applyFill="1" applyBorder="1" applyAlignment="1"/>
    <xf numFmtId="0" fontId="8" fillId="0" borderId="0" xfId="0" applyFont="1" applyFill="1" applyBorder="1" applyAlignment="1"/>
    <xf numFmtId="0" fontId="8" fillId="0" borderId="7" xfId="0" applyFont="1" applyFill="1" applyBorder="1" applyAlignment="1"/>
    <xf numFmtId="0" fontId="0" fillId="0" borderId="0" xfId="0" applyFill="1" applyBorder="1" applyAlignment="1"/>
    <xf numFmtId="0" fontId="13" fillId="0" borderId="0" xfId="0" applyFont="1" applyFill="1" applyBorder="1" applyAlignment="1"/>
    <xf numFmtId="176" fontId="5" fillId="0" borderId="0" xfId="0" applyNumberFormat="1" applyFont="1" applyFill="1" applyBorder="1" applyAlignment="1"/>
    <xf numFmtId="176" fontId="12" fillId="0" borderId="0" xfId="0" applyNumberFormat="1" applyFont="1" applyFill="1" applyBorder="1" applyAlignment="1">
      <alignment horizontal="right" vertical="center"/>
    </xf>
    <xf numFmtId="0" fontId="4" fillId="0" borderId="0" xfId="0" applyFont="1" applyBorder="1" applyAlignment="1">
      <alignment horizontal="right" vertical="center"/>
    </xf>
    <xf numFmtId="0" fontId="0" fillId="0" borderId="0" xfId="0" applyBorder="1" applyAlignment="1">
      <alignment horizontal="right" vertical="center"/>
    </xf>
    <xf numFmtId="9" fontId="12" fillId="0" borderId="0" xfId="0" applyNumberFormat="1" applyFont="1" applyFill="1" applyBorder="1" applyAlignment="1">
      <alignment horizontal="right" vertical="center"/>
    </xf>
    <xf numFmtId="0" fontId="12" fillId="0" borderId="0" xfId="0" applyFont="1" applyFill="1" applyBorder="1" applyAlignment="1">
      <alignment horizontal="right" vertical="center"/>
    </xf>
    <xf numFmtId="0" fontId="8" fillId="3" borderId="0" xfId="0" applyFont="1" applyFill="1" applyBorder="1" applyAlignment="1"/>
    <xf numFmtId="0" fontId="9" fillId="3" borderId="0" xfId="0" applyFont="1" applyFill="1" applyBorder="1" applyAlignment="1">
      <alignment horizontal="distributed" vertical="center"/>
    </xf>
    <xf numFmtId="177" fontId="2" fillId="0" borderId="0" xfId="0" applyNumberFormat="1" applyFont="1" applyFill="1" applyBorder="1" applyAlignment="1">
      <alignment vertical="center"/>
    </xf>
    <xf numFmtId="0" fontId="9" fillId="0" borderId="0" xfId="0" applyFont="1" applyFill="1" applyBorder="1" applyAlignment="1">
      <alignment horizontal="distributed" vertical="center"/>
    </xf>
    <xf numFmtId="182" fontId="8" fillId="0" borderId="7" xfId="0" applyNumberFormat="1" applyFont="1" applyFill="1" applyBorder="1" applyAlignment="1"/>
    <xf numFmtId="182" fontId="8" fillId="0" borderId="0" xfId="0" applyNumberFormat="1" applyFont="1" applyFill="1" applyBorder="1" applyAlignment="1"/>
    <xf numFmtId="182" fontId="8" fillId="0" borderId="0" xfId="0" applyNumberFormat="1" applyFont="1" applyBorder="1" applyAlignment="1"/>
    <xf numFmtId="183" fontId="8" fillId="0" borderId="0" xfId="0" applyNumberFormat="1" applyFont="1" applyBorder="1" applyAlignment="1"/>
    <xf numFmtId="181" fontId="8" fillId="0" borderId="0" xfId="0" applyNumberFormat="1" applyFont="1" applyBorder="1" applyAlignment="1"/>
    <xf numFmtId="184" fontId="8" fillId="0" borderId="0" xfId="0" applyNumberFormat="1" applyFont="1" applyBorder="1" applyAlignment="1"/>
    <xf numFmtId="182" fontId="2" fillId="0" borderId="0" xfId="0" applyNumberFormat="1" applyFont="1" applyFill="1" applyBorder="1" applyAlignment="1">
      <alignment vertical="center"/>
    </xf>
    <xf numFmtId="176" fontId="2" fillId="0" borderId="0" xfId="0" applyNumberFormat="1" applyFont="1" applyFill="1" applyBorder="1" applyAlignment="1">
      <alignment vertical="center"/>
    </xf>
    <xf numFmtId="182" fontId="11" fillId="0" borderId="0" xfId="0" applyNumberFormat="1" applyFont="1" applyFill="1" applyBorder="1" applyAlignment="1">
      <alignment vertical="center"/>
    </xf>
    <xf numFmtId="176" fontId="11" fillId="0" borderId="0" xfId="0" applyNumberFormat="1" applyFont="1" applyFill="1" applyBorder="1" applyAlignment="1">
      <alignment vertical="center"/>
    </xf>
    <xf numFmtId="0" fontId="9" fillId="0" borderId="13" xfId="0" applyFont="1" applyFill="1" applyBorder="1" applyAlignment="1">
      <alignment horizontal="distributed" vertical="center"/>
    </xf>
    <xf numFmtId="0" fontId="13" fillId="0" borderId="13" xfId="0" applyFont="1" applyFill="1" applyBorder="1" applyAlignment="1">
      <alignment horizontal="distributed" vertical="center"/>
    </xf>
    <xf numFmtId="176" fontId="5" fillId="0" borderId="13" xfId="0" applyNumberFormat="1" applyFont="1" applyFill="1" applyBorder="1" applyAlignment="1"/>
    <xf numFmtId="9" fontId="7" fillId="0" borderId="13" xfId="0" applyNumberFormat="1" applyFont="1" applyFill="1" applyBorder="1" applyAlignment="1"/>
    <xf numFmtId="0" fontId="8" fillId="0" borderId="13" xfId="0" applyFont="1" applyFill="1" applyBorder="1" applyAlignment="1"/>
    <xf numFmtId="182" fontId="8" fillId="0" borderId="14" xfId="0" applyNumberFormat="1" applyFont="1" applyFill="1" applyBorder="1" applyAlignment="1"/>
    <xf numFmtId="182" fontId="8" fillId="0" borderId="13" xfId="0" applyNumberFormat="1" applyFont="1" applyFill="1" applyBorder="1" applyAlignment="1"/>
    <xf numFmtId="182" fontId="8" fillId="0" borderId="13" xfId="0" applyNumberFormat="1" applyFont="1" applyBorder="1" applyAlignment="1"/>
    <xf numFmtId="183" fontId="8" fillId="0" borderId="13" xfId="0" applyNumberFormat="1" applyFont="1" applyBorder="1" applyAlignment="1"/>
    <xf numFmtId="181" fontId="8" fillId="0" borderId="13" xfId="0" applyNumberFormat="1" applyFont="1" applyBorder="1" applyAlignment="1"/>
    <xf numFmtId="184" fontId="8" fillId="0" borderId="13" xfId="0" applyNumberFormat="1" applyFont="1" applyBorder="1" applyAlignment="1"/>
    <xf numFmtId="182" fontId="2" fillId="0" borderId="13" xfId="0" applyNumberFormat="1" applyFont="1" applyFill="1" applyBorder="1" applyAlignment="1">
      <alignment vertical="center"/>
    </xf>
    <xf numFmtId="182" fontId="2" fillId="0" borderId="13" xfId="0" applyNumberFormat="1" applyFont="1" applyFill="1" applyBorder="1" applyAlignment="1">
      <alignment horizontal="right" vertical="center"/>
    </xf>
    <xf numFmtId="182" fontId="2" fillId="0" borderId="0" xfId="0" applyNumberFormat="1" applyFont="1" applyFill="1" applyBorder="1" applyAlignment="1">
      <alignment horizontal="right" vertical="center"/>
    </xf>
    <xf numFmtId="0" fontId="11" fillId="0" borderId="2" xfId="0" applyFont="1" applyFill="1" applyBorder="1" applyAlignment="1">
      <alignment horizontal="center"/>
    </xf>
    <xf numFmtId="0" fontId="13" fillId="0" borderId="2" xfId="0" applyFont="1" applyFill="1" applyBorder="1" applyAlignment="1">
      <alignment horizontal="center"/>
    </xf>
    <xf numFmtId="176" fontId="5" fillId="0" borderId="2" xfId="0" applyNumberFormat="1" applyFont="1" applyFill="1" applyBorder="1" applyAlignment="1"/>
    <xf numFmtId="9" fontId="7" fillId="0" borderId="2" xfId="0" applyNumberFormat="1" applyFont="1" applyFill="1" applyBorder="1" applyAlignment="1"/>
    <xf numFmtId="0" fontId="8" fillId="0" borderId="2" xfId="0" applyFont="1" applyFill="1" applyBorder="1" applyAlignment="1"/>
    <xf numFmtId="0" fontId="8" fillId="0" borderId="15" xfId="0" applyFont="1" applyFill="1" applyBorder="1" applyAlignment="1"/>
    <xf numFmtId="0" fontId="0" fillId="0" borderId="2" xfId="0" applyFill="1" applyBorder="1" applyAlignment="1"/>
    <xf numFmtId="0" fontId="0" fillId="0" borderId="2" xfId="0" applyBorder="1" applyAlignment="1"/>
    <xf numFmtId="0" fontId="4" fillId="0" borderId="2" xfId="0" applyFont="1" applyBorder="1" applyAlignment="1"/>
    <xf numFmtId="176" fontId="11" fillId="0" borderId="2" xfId="0" applyNumberFormat="1" applyFont="1" applyFill="1" applyBorder="1" applyAlignment="1"/>
    <xf numFmtId="9" fontId="11" fillId="0" borderId="2" xfId="0" applyNumberFormat="1" applyFont="1" applyFill="1" applyBorder="1" applyAlignment="1"/>
    <xf numFmtId="0" fontId="11" fillId="0" borderId="2" xfId="0" applyFont="1" applyFill="1" applyBorder="1" applyAlignment="1"/>
    <xf numFmtId="185" fontId="11" fillId="0" borderId="2" xfId="0" applyNumberFormat="1" applyFont="1" applyFill="1" applyBorder="1" applyAlignment="1"/>
    <xf numFmtId="0" fontId="11" fillId="0" borderId="0" xfId="0" applyFont="1" applyFill="1" applyBorder="1" applyAlignment="1">
      <alignment horizontal="center"/>
    </xf>
    <xf numFmtId="0" fontId="13" fillId="0" borderId="0" xfId="0" applyFont="1" applyFill="1" applyBorder="1" applyAlignment="1">
      <alignment horizontal="center"/>
    </xf>
    <xf numFmtId="176" fontId="5" fillId="0" borderId="0" xfId="0" applyNumberFormat="1" applyFont="1" applyFill="1" applyAlignment="1"/>
    <xf numFmtId="9" fontId="7" fillId="0" borderId="0" xfId="0" applyNumberFormat="1" applyFont="1" applyFill="1" applyAlignment="1"/>
    <xf numFmtId="0" fontId="8" fillId="0" borderId="0" xfId="0" applyFont="1" applyFill="1" applyAlignment="1"/>
    <xf numFmtId="0" fontId="4" fillId="0" borderId="0" xfId="0" applyFont="1" applyAlignment="1"/>
    <xf numFmtId="176" fontId="17" fillId="0" borderId="0" xfId="0" applyNumberFormat="1" applyFont="1" applyFill="1" applyBorder="1" applyAlignment="1">
      <alignment horizontal="center" vertical="center"/>
    </xf>
    <xf numFmtId="0" fontId="17" fillId="0" borderId="0" xfId="0" applyFont="1" applyFill="1" applyBorder="1" applyAlignment="1"/>
    <xf numFmtId="0" fontId="13" fillId="0" borderId="4" xfId="0" applyFont="1" applyFill="1" applyBorder="1" applyAlignment="1">
      <alignment horizontal="center" vertical="center"/>
    </xf>
    <xf numFmtId="0" fontId="13" fillId="0" borderId="3" xfId="0" applyFont="1" applyBorder="1" applyAlignment="1">
      <alignment horizontal="center" vertical="center"/>
    </xf>
    <xf numFmtId="0" fontId="1" fillId="0" borderId="16" xfId="0" applyFont="1" applyBorder="1" applyAlignment="1"/>
    <xf numFmtId="0" fontId="0" fillId="0" borderId="10" xfId="0" applyBorder="1" applyAlignment="1"/>
    <xf numFmtId="0" fontId="18" fillId="0" borderId="11" xfId="0" applyFont="1" applyFill="1" applyBorder="1" applyAlignment="1">
      <alignment horizontal="right" vertical="center"/>
    </xf>
    <xf numFmtId="0" fontId="0" fillId="0" borderId="12" xfId="0" applyBorder="1" applyAlignment="1"/>
    <xf numFmtId="0" fontId="8" fillId="0" borderId="6" xfId="0" applyFont="1" applyFill="1" applyBorder="1" applyAlignment="1"/>
    <xf numFmtId="0" fontId="17" fillId="0" borderId="0" xfId="0" applyFont="1" applyFill="1" applyBorder="1" applyAlignment="1">
      <alignment horizontal="center" vertical="center" wrapText="1"/>
    </xf>
    <xf numFmtId="0" fontId="3" fillId="0" borderId="0" xfId="0" applyFont="1" applyFill="1" applyBorder="1" applyAlignment="1">
      <alignment horizontal="right" vertical="center"/>
    </xf>
    <xf numFmtId="0" fontId="3" fillId="0" borderId="0" xfId="0" applyFont="1"/>
    <xf numFmtId="0" fontId="18" fillId="0" borderId="0" xfId="0" applyFont="1" applyBorder="1" applyAlignment="1">
      <alignment horizontal="right" vertical="center"/>
    </xf>
    <xf numFmtId="0" fontId="3" fillId="0" borderId="0" xfId="0" applyFont="1" applyBorder="1"/>
    <xf numFmtId="0" fontId="3" fillId="0" borderId="0" xfId="0" applyFont="1" applyBorder="1" applyAlignment="1">
      <alignment horizontal="right" vertical="center"/>
    </xf>
    <xf numFmtId="0" fontId="9" fillId="3" borderId="6" xfId="0" applyFont="1" applyFill="1" applyBorder="1" applyAlignment="1">
      <alignment horizontal="distributed" vertical="center"/>
    </xf>
    <xf numFmtId="186" fontId="8" fillId="0" borderId="0" xfId="0" applyNumberFormat="1" applyFont="1" applyBorder="1" applyAlignment="1"/>
    <xf numFmtId="0" fontId="8" fillId="0" borderId="0" xfId="0" applyFont="1" applyBorder="1" applyAlignment="1"/>
    <xf numFmtId="187" fontId="8" fillId="0" borderId="0" xfId="0" applyNumberFormat="1" applyFont="1" applyBorder="1" applyAlignment="1"/>
    <xf numFmtId="188" fontId="8" fillId="0" borderId="0" xfId="0" applyNumberFormat="1" applyFont="1" applyAlignment="1"/>
    <xf numFmtId="188" fontId="8" fillId="0" borderId="0" xfId="0" applyNumberFormat="1" applyFont="1" applyBorder="1" applyAlignment="1"/>
    <xf numFmtId="188" fontId="8" fillId="0" borderId="0" xfId="0" applyNumberFormat="1" applyFont="1"/>
    <xf numFmtId="189" fontId="8" fillId="0" borderId="0" xfId="0" applyNumberFormat="1" applyFont="1" applyBorder="1" applyAlignment="1"/>
    <xf numFmtId="0" fontId="9" fillId="0" borderId="6" xfId="0" applyFont="1" applyFill="1" applyBorder="1" applyAlignment="1">
      <alignment horizontal="distributed" vertical="center"/>
    </xf>
    <xf numFmtId="186" fontId="8" fillId="0" borderId="19" xfId="0" applyNumberFormat="1" applyFont="1" applyBorder="1" applyAlignment="1"/>
    <xf numFmtId="0" fontId="8" fillId="0" borderId="19" xfId="0" applyFont="1" applyBorder="1" applyAlignment="1"/>
    <xf numFmtId="187" fontId="8" fillId="0" borderId="19" xfId="0" applyNumberFormat="1" applyFont="1" applyBorder="1" applyAlignment="1"/>
    <xf numFmtId="188" fontId="8" fillId="0" borderId="19" xfId="0" applyNumberFormat="1" applyFont="1" applyBorder="1" applyAlignment="1"/>
    <xf numFmtId="188" fontId="8" fillId="0" borderId="19" xfId="0" applyNumberFormat="1" applyFont="1" applyBorder="1"/>
    <xf numFmtId="189" fontId="8" fillId="0" borderId="19" xfId="0" applyNumberFormat="1" applyFont="1" applyBorder="1" applyAlignment="1"/>
    <xf numFmtId="0" fontId="8" fillId="0" borderId="20" xfId="0" applyFont="1" applyFill="1" applyBorder="1" applyAlignment="1"/>
    <xf numFmtId="189" fontId="8" fillId="0" borderId="2" xfId="0" applyNumberFormat="1" applyFont="1" applyFill="1" applyBorder="1" applyAlignment="1"/>
    <xf numFmtId="189" fontId="0" fillId="0" borderId="2" xfId="0" applyNumberFormat="1" applyFill="1" applyBorder="1" applyAlignment="1"/>
    <xf numFmtId="187" fontId="8" fillId="0" borderId="2" xfId="0" applyNumberFormat="1" applyFont="1" applyFill="1" applyBorder="1" applyAlignment="1"/>
    <xf numFmtId="187" fontId="0" fillId="0" borderId="2" xfId="0" applyNumberFormat="1" applyFill="1" applyBorder="1" applyAlignment="1"/>
    <xf numFmtId="0" fontId="4" fillId="0" borderId="0" xfId="0" applyFont="1" applyBorder="1" applyAlignment="1"/>
    <xf numFmtId="0" fontId="19" fillId="0" borderId="0" xfId="0" applyFont="1" applyFill="1" applyBorder="1" applyAlignment="1">
      <alignment horizontal="center" vertical="center"/>
    </xf>
    <xf numFmtId="176" fontId="11" fillId="0" borderId="0" xfId="0" applyNumberFormat="1" applyFont="1" applyFill="1" applyBorder="1" applyAlignment="1"/>
    <xf numFmtId="176" fontId="12" fillId="0" borderId="0" xfId="0" applyNumberFormat="1" applyFont="1" applyFill="1" applyBorder="1" applyAlignment="1">
      <alignment horizontal="right"/>
    </xf>
    <xf numFmtId="0" fontId="17" fillId="0" borderId="7" xfId="0" applyFont="1" applyFill="1" applyBorder="1" applyAlignment="1">
      <alignment horizontal="center" vertical="center"/>
    </xf>
    <xf numFmtId="0" fontId="12" fillId="0" borderId="7" xfId="0" applyFont="1" applyFill="1" applyBorder="1" applyAlignment="1">
      <alignment horizontal="right" vertical="center"/>
    </xf>
    <xf numFmtId="190" fontId="8" fillId="0" borderId="0" xfId="0" applyNumberFormat="1" applyFont="1" applyBorder="1" applyAlignment="1"/>
    <xf numFmtId="191" fontId="8" fillId="0" borderId="0" xfId="0" applyNumberFormat="1" applyFont="1" applyBorder="1" applyAlignment="1"/>
    <xf numFmtId="190" fontId="8" fillId="0" borderId="0" xfId="0" applyNumberFormat="1" applyFont="1" applyFill="1" applyBorder="1" applyAlignment="1"/>
    <xf numFmtId="191" fontId="8" fillId="0" borderId="0" xfId="0" applyNumberFormat="1" applyFont="1" applyFill="1" applyBorder="1" applyAlignment="1"/>
    <xf numFmtId="190" fontId="8" fillId="0" borderId="13" xfId="0" applyNumberFormat="1" applyFont="1" applyFill="1" applyBorder="1" applyAlignment="1"/>
    <xf numFmtId="191" fontId="8" fillId="0" borderId="13" xfId="0" applyNumberFormat="1" applyFont="1" applyFill="1" applyBorder="1" applyAlignment="1"/>
    <xf numFmtId="0" fontId="8" fillId="0" borderId="23" xfId="0" applyFont="1" applyFill="1" applyBorder="1" applyAlignment="1"/>
    <xf numFmtId="177" fontId="7" fillId="0" borderId="0" xfId="0" applyNumberFormat="1" applyFont="1" applyFill="1" applyBorder="1" applyAlignment="1"/>
    <xf numFmtId="178" fontId="7" fillId="0" borderId="0" xfId="0" applyNumberFormat="1" applyFont="1" applyFill="1" applyBorder="1" applyAlignment="1"/>
    <xf numFmtId="177" fontId="11" fillId="0" borderId="0" xfId="0" applyNumberFormat="1" applyFont="1" applyFill="1" applyBorder="1" applyAlignment="1"/>
    <xf numFmtId="185" fontId="11" fillId="0" borderId="0" xfId="0" applyNumberFormat="1" applyFont="1" applyFill="1" applyBorder="1" applyAlignment="1"/>
    <xf numFmtId="176" fontId="7" fillId="0" borderId="0" xfId="0" applyNumberFormat="1" applyFont="1" applyFill="1" applyAlignment="1"/>
    <xf numFmtId="49" fontId="8" fillId="0" borderId="0" xfId="0" applyNumberFormat="1" applyFont="1" applyFill="1" applyAlignment="1">
      <alignment vertical="center" textRotation="180"/>
    </xf>
    <xf numFmtId="0" fontId="0" fillId="0" borderId="0" xfId="0" applyFill="1" applyAlignment="1">
      <alignment horizontal="left" vertical="center"/>
    </xf>
    <xf numFmtId="0" fontId="7" fillId="0" borderId="0" xfId="0" applyFont="1" applyFill="1" applyAlignment="1"/>
    <xf numFmtId="176" fontId="13" fillId="0" borderId="5" xfId="0" applyNumberFormat="1" applyFont="1" applyFill="1" applyBorder="1"/>
    <xf numFmtId="0" fontId="13" fillId="0" borderId="3" xfId="0" applyFont="1" applyFill="1" applyBorder="1" applyAlignment="1"/>
    <xf numFmtId="0" fontId="13" fillId="0" borderId="4" xfId="0" applyFont="1" applyFill="1" applyBorder="1" applyAlignment="1"/>
    <xf numFmtId="0" fontId="13" fillId="0" borderId="4" xfId="0" applyFont="1" applyFill="1" applyBorder="1"/>
    <xf numFmtId="0" fontId="13" fillId="0" borderId="5" xfId="0" applyFont="1" applyFill="1" applyBorder="1"/>
    <xf numFmtId="176" fontId="13" fillId="0" borderId="12" xfId="0" applyNumberFormat="1" applyFont="1" applyFill="1" applyBorder="1"/>
    <xf numFmtId="0" fontId="13" fillId="0" borderId="11" xfId="0" applyFont="1" applyFill="1" applyBorder="1"/>
    <xf numFmtId="0" fontId="13" fillId="0" borderId="10" xfId="0" applyFont="1" applyFill="1" applyBorder="1"/>
    <xf numFmtId="0" fontId="13" fillId="0" borderId="12" xfId="0" applyFont="1" applyFill="1" applyBorder="1"/>
    <xf numFmtId="0" fontId="5" fillId="0" borderId="1" xfId="0" applyFont="1" applyFill="1" applyBorder="1" applyAlignment="1"/>
    <xf numFmtId="0" fontId="5" fillId="0" borderId="24" xfId="0" applyFont="1" applyFill="1" applyBorder="1"/>
    <xf numFmtId="0" fontId="5" fillId="0" borderId="10" xfId="0" applyFont="1" applyFill="1" applyBorder="1" applyAlignment="1">
      <alignment horizontal="center" vertical="center"/>
    </xf>
    <xf numFmtId="0" fontId="5" fillId="0" borderId="11" xfId="0" applyFont="1" applyFill="1" applyBorder="1"/>
    <xf numFmtId="0" fontId="5" fillId="0" borderId="24" xfId="0" applyFont="1" applyFill="1" applyBorder="1" applyAlignment="1"/>
    <xf numFmtId="0" fontId="5" fillId="0" borderId="17" xfId="0" applyFont="1" applyFill="1" applyBorder="1" applyAlignment="1">
      <alignment horizontal="center" vertical="center"/>
    </xf>
    <xf numFmtId="0" fontId="5" fillId="0" borderId="25" xfId="0" applyFont="1" applyFill="1" applyBorder="1" applyAlignment="1">
      <alignment horizontal="center" vertical="center"/>
    </xf>
    <xf numFmtId="0" fontId="5" fillId="3" borderId="0" xfId="0" applyFont="1" applyFill="1" applyBorder="1" applyAlignment="1">
      <alignment horizontal="center" vertical="center"/>
    </xf>
    <xf numFmtId="0" fontId="5" fillId="3" borderId="6" xfId="0" applyFont="1" applyFill="1" applyBorder="1" applyAlignment="1">
      <alignment horizontal="distributed" vertical="center"/>
    </xf>
    <xf numFmtId="192" fontId="7" fillId="3" borderId="8" xfId="0" applyNumberFormat="1" applyFont="1" applyFill="1" applyBorder="1" applyAlignment="1">
      <alignment vertical="center"/>
    </xf>
    <xf numFmtId="192" fontId="7" fillId="3" borderId="9" xfId="0" applyNumberFormat="1" applyFont="1" applyFill="1" applyBorder="1" applyAlignment="1">
      <alignment vertical="center"/>
    </xf>
    <xf numFmtId="192" fontId="7" fillId="3" borderId="22" xfId="0" applyNumberFormat="1" applyFont="1" applyFill="1" applyBorder="1" applyAlignment="1">
      <alignment vertical="center"/>
    </xf>
    <xf numFmtId="0" fontId="5" fillId="0" borderId="0" xfId="0" applyFont="1" applyFill="1" applyBorder="1" applyAlignment="1">
      <alignment horizontal="center" vertical="center"/>
    </xf>
    <xf numFmtId="0" fontId="5" fillId="0" borderId="6" xfId="0" applyFont="1" applyFill="1" applyBorder="1" applyAlignment="1">
      <alignment horizontal="center" vertical="center"/>
    </xf>
    <xf numFmtId="192" fontId="7" fillId="0" borderId="7" xfId="0" applyNumberFormat="1" applyFont="1" applyBorder="1" applyAlignment="1">
      <alignment vertical="center"/>
    </xf>
    <xf numFmtId="192" fontId="7" fillId="0" borderId="0" xfId="0" applyNumberFormat="1" applyFont="1" applyBorder="1" applyAlignment="1">
      <alignment vertical="center"/>
    </xf>
    <xf numFmtId="192" fontId="7" fillId="0" borderId="6" xfId="0" applyNumberFormat="1" applyFont="1" applyBorder="1" applyAlignment="1">
      <alignment vertical="center"/>
    </xf>
    <xf numFmtId="0" fontId="5" fillId="0" borderId="6" xfId="0" applyFont="1" applyFill="1" applyBorder="1" applyAlignment="1">
      <alignment horizontal="distributed" vertical="center"/>
    </xf>
    <xf numFmtId="192" fontId="7" fillId="0" borderId="7" xfId="0" applyNumberFormat="1" applyFont="1" applyFill="1" applyBorder="1" applyAlignment="1">
      <alignment vertical="center"/>
    </xf>
    <xf numFmtId="192" fontId="7" fillId="0" borderId="0" xfId="0" applyNumberFormat="1" applyFont="1" applyFill="1" applyBorder="1" applyAlignment="1">
      <alignment vertical="center"/>
    </xf>
    <xf numFmtId="192" fontId="7" fillId="0" borderId="6" xfId="0" applyNumberFormat="1" applyFont="1" applyFill="1" applyBorder="1" applyAlignment="1">
      <alignment vertical="center"/>
    </xf>
    <xf numFmtId="192" fontId="7" fillId="3" borderId="7" xfId="0" applyNumberFormat="1" applyFont="1" applyFill="1" applyBorder="1" applyAlignment="1">
      <alignment vertical="center"/>
    </xf>
    <xf numFmtId="192" fontId="7" fillId="3" borderId="0" xfId="0" applyNumberFormat="1" applyFont="1" applyFill="1" applyBorder="1" applyAlignment="1">
      <alignment vertical="center"/>
    </xf>
    <xf numFmtId="192" fontId="7" fillId="3" borderId="6" xfId="0" applyNumberFormat="1" applyFont="1" applyFill="1" applyBorder="1" applyAlignment="1">
      <alignment vertical="center"/>
    </xf>
    <xf numFmtId="192" fontId="7" fillId="0" borderId="7" xfId="0" applyNumberFormat="1" applyFont="1" applyFill="1" applyBorder="1" applyAlignment="1">
      <alignment horizontal="right" vertical="center"/>
    </xf>
    <xf numFmtId="192" fontId="7" fillId="0" borderId="0" xfId="0" applyNumberFormat="1" applyFont="1" applyFill="1" applyBorder="1" applyAlignment="1">
      <alignment horizontal="right" vertical="center"/>
    </xf>
    <xf numFmtId="192" fontId="7" fillId="0" borderId="6" xfId="0" applyNumberFormat="1" applyFont="1" applyFill="1" applyBorder="1" applyAlignment="1">
      <alignment horizontal="right" vertical="center"/>
    </xf>
    <xf numFmtId="192" fontId="7" fillId="3" borderId="7" xfId="0" applyNumberFormat="1" applyFont="1" applyFill="1" applyBorder="1" applyAlignment="1">
      <alignment horizontal="right" vertical="center"/>
    </xf>
    <xf numFmtId="192" fontId="7" fillId="3" borderId="0" xfId="0" applyNumberFormat="1" applyFont="1" applyFill="1" applyBorder="1" applyAlignment="1">
      <alignment horizontal="right" vertical="center"/>
    </xf>
    <xf numFmtId="192" fontId="7" fillId="3" borderId="6" xfId="0" applyNumberFormat="1" applyFont="1" applyFill="1" applyBorder="1" applyAlignment="1">
      <alignment horizontal="right" vertical="center"/>
    </xf>
    <xf numFmtId="0" fontId="5" fillId="3" borderId="2" xfId="0" applyFont="1" applyFill="1" applyBorder="1" applyAlignment="1">
      <alignment horizontal="center" vertical="center"/>
    </xf>
    <xf numFmtId="0" fontId="5" fillId="3" borderId="15" xfId="0" applyFont="1" applyFill="1" applyBorder="1" applyAlignment="1">
      <alignment horizontal="distributed" vertical="center"/>
    </xf>
    <xf numFmtId="192" fontId="7" fillId="3" borderId="23" xfId="0" applyNumberFormat="1" applyFont="1" applyFill="1" applyBorder="1" applyAlignment="1">
      <alignment vertical="center"/>
    </xf>
    <xf numFmtId="192" fontId="7" fillId="3" borderId="2" xfId="0" applyNumberFormat="1" applyFont="1" applyFill="1" applyBorder="1" applyAlignment="1">
      <alignment vertical="center"/>
    </xf>
    <xf numFmtId="192" fontId="7" fillId="3" borderId="15" xfId="0" applyNumberFormat="1" applyFont="1" applyFill="1" applyBorder="1" applyAlignment="1">
      <alignment vertical="center"/>
    </xf>
    <xf numFmtId="0" fontId="7" fillId="0" borderId="0" xfId="0" applyFont="1" applyFill="1" applyAlignment="1">
      <alignment horizontal="center"/>
    </xf>
    <xf numFmtId="0" fontId="7" fillId="0" borderId="0" xfId="0" applyFont="1" applyFill="1"/>
    <xf numFmtId="176" fontId="7" fillId="0" borderId="0" xfId="0" applyNumberFormat="1" applyFont="1" applyFill="1"/>
    <xf numFmtId="0" fontId="8" fillId="0" borderId="0" xfId="0" applyFont="1" applyFill="1"/>
    <xf numFmtId="0" fontId="7" fillId="0" borderId="0" xfId="0" applyFont="1" applyFill="1" applyAlignment="1">
      <alignment vertical="top" textRotation="90"/>
    </xf>
    <xf numFmtId="0" fontId="8" fillId="0" borderId="0" xfId="0" applyFont="1" applyFill="1" applyAlignment="1">
      <alignment horizontal="center"/>
    </xf>
    <xf numFmtId="0" fontId="8" fillId="0" borderId="0" xfId="0" applyFont="1" applyFill="1" applyAlignment="1">
      <alignment vertical="top" textRotation="90"/>
    </xf>
    <xf numFmtId="192" fontId="7" fillId="3" borderId="8" xfId="0" applyNumberFormat="1" applyFont="1" applyFill="1" applyBorder="1" applyAlignment="1">
      <alignment horizontal="right" vertical="center"/>
    </xf>
    <xf numFmtId="192" fontId="7" fillId="3" borderId="9" xfId="0" applyNumberFormat="1" applyFont="1" applyFill="1" applyBorder="1" applyAlignment="1">
      <alignment horizontal="right" vertical="center"/>
    </xf>
    <xf numFmtId="192" fontId="7" fillId="3" borderId="22" xfId="0" applyNumberFormat="1" applyFont="1" applyFill="1" applyBorder="1" applyAlignment="1">
      <alignment horizontal="right" vertical="center"/>
    </xf>
    <xf numFmtId="192" fontId="7" fillId="0" borderId="7" xfId="0" applyNumberFormat="1" applyFont="1" applyBorder="1" applyAlignment="1">
      <alignment horizontal="right" vertical="center"/>
    </xf>
    <xf numFmtId="192" fontId="7" fillId="0" borderId="0" xfId="0" applyNumberFormat="1" applyFont="1" applyBorder="1" applyAlignment="1">
      <alignment horizontal="right" vertical="center"/>
    </xf>
    <xf numFmtId="192" fontId="7" fillId="0" borderId="6" xfId="0" applyNumberFormat="1" applyFont="1" applyBorder="1" applyAlignment="1">
      <alignment horizontal="right" vertical="center"/>
    </xf>
    <xf numFmtId="192" fontId="7" fillId="3" borderId="23" xfId="0" applyNumberFormat="1" applyFont="1" applyFill="1" applyBorder="1" applyAlignment="1">
      <alignment horizontal="right" vertical="center"/>
    </xf>
    <xf numFmtId="192" fontId="7" fillId="3" borderId="2" xfId="0" applyNumberFormat="1" applyFont="1" applyFill="1" applyBorder="1" applyAlignment="1">
      <alignment horizontal="right" vertical="center"/>
    </xf>
    <xf numFmtId="192" fontId="7" fillId="3" borderId="15" xfId="0" applyNumberFormat="1" applyFont="1" applyFill="1" applyBorder="1" applyAlignment="1">
      <alignment horizontal="right" vertical="center"/>
    </xf>
    <xf numFmtId="49" fontId="8" fillId="0" borderId="0" xfId="0" applyNumberFormat="1" applyFont="1" applyAlignment="1">
      <alignment vertical="center" textRotation="180"/>
    </xf>
    <xf numFmtId="0" fontId="10" fillId="0" borderId="0" xfId="0" applyFont="1" applyAlignment="1">
      <alignment horizontal="left" vertical="center"/>
    </xf>
    <xf numFmtId="176" fontId="5" fillId="0" borderId="5" xfId="0" applyNumberFormat="1" applyFont="1" applyBorder="1" applyAlignment="1">
      <alignment vertical="center"/>
    </xf>
    <xf numFmtId="0" fontId="4" fillId="0" borderId="4" xfId="0" applyFont="1" applyBorder="1" applyAlignment="1">
      <alignment vertical="center"/>
    </xf>
    <xf numFmtId="0" fontId="4" fillId="0" borderId="5" xfId="0" applyFont="1" applyBorder="1" applyAlignment="1">
      <alignment vertical="center"/>
    </xf>
    <xf numFmtId="0" fontId="4" fillId="0" borderId="3" xfId="0" applyFont="1" applyBorder="1" applyAlignment="1">
      <alignment vertical="center"/>
    </xf>
    <xf numFmtId="176" fontId="5" fillId="0" borderId="12" xfId="0" applyNumberFormat="1" applyFont="1" applyBorder="1" applyAlignment="1">
      <alignment vertical="center"/>
    </xf>
    <xf numFmtId="0" fontId="4" fillId="0" borderId="11" xfId="0" applyFont="1" applyBorder="1" applyAlignment="1">
      <alignment vertical="center"/>
    </xf>
    <xf numFmtId="0" fontId="4" fillId="0" borderId="12" xfId="0" applyFont="1" applyBorder="1" applyAlignment="1">
      <alignment vertical="center"/>
    </xf>
    <xf numFmtId="0" fontId="4" fillId="0" borderId="6" xfId="0" applyFont="1" applyBorder="1" applyAlignment="1">
      <alignment vertical="center"/>
    </xf>
    <xf numFmtId="0" fontId="4" fillId="0" borderId="0" xfId="0" applyFont="1" applyBorder="1" applyAlignment="1">
      <alignment vertical="center"/>
    </xf>
    <xf numFmtId="0" fontId="4" fillId="0" borderId="22" xfId="0" applyFont="1" applyBorder="1" applyAlignment="1">
      <alignment vertical="center"/>
    </xf>
    <xf numFmtId="0" fontId="4" fillId="0" borderId="10" xfId="0" applyFont="1" applyBorder="1" applyAlignment="1">
      <alignment vertical="center"/>
    </xf>
    <xf numFmtId="0" fontId="5" fillId="0" borderId="25" xfId="0" applyFont="1" applyBorder="1" applyAlignment="1">
      <alignment horizontal="center" vertical="center"/>
    </xf>
    <xf numFmtId="0" fontId="5" fillId="0" borderId="17" xfId="0" applyFont="1" applyBorder="1" applyAlignment="1">
      <alignment horizontal="center" vertical="center"/>
    </xf>
    <xf numFmtId="0" fontId="5" fillId="0" borderId="7" xfId="0" applyFont="1" applyBorder="1" applyAlignment="1">
      <alignment horizontal="center" vertical="center"/>
    </xf>
    <xf numFmtId="193" fontId="7" fillId="3" borderId="8" xfId="0" applyNumberFormat="1" applyFont="1" applyFill="1" applyBorder="1" applyAlignment="1">
      <alignment vertical="center"/>
    </xf>
    <xf numFmtId="194" fontId="7" fillId="3" borderId="9" xfId="0" applyNumberFormat="1" applyFont="1" applyFill="1" applyBorder="1" applyAlignment="1">
      <alignment vertical="center"/>
    </xf>
    <xf numFmtId="193" fontId="7" fillId="3" borderId="22" xfId="0" applyNumberFormat="1" applyFont="1" applyFill="1" applyBorder="1" applyAlignment="1">
      <alignment vertical="center"/>
    </xf>
    <xf numFmtId="193" fontId="7" fillId="0" borderId="7" xfId="0" applyNumberFormat="1" applyFont="1" applyBorder="1" applyAlignment="1">
      <alignment vertical="center"/>
    </xf>
    <xf numFmtId="194" fontId="7" fillId="0" borderId="0" xfId="0" applyNumberFormat="1" applyFont="1" applyBorder="1" applyAlignment="1">
      <alignment vertical="center"/>
    </xf>
    <xf numFmtId="193" fontId="7" fillId="0" borderId="6" xfId="0" applyNumberFormat="1" applyFont="1" applyBorder="1" applyAlignment="1">
      <alignment vertical="center"/>
    </xf>
    <xf numFmtId="193" fontId="7" fillId="3" borderId="7" xfId="0" applyNumberFormat="1" applyFont="1" applyFill="1" applyBorder="1" applyAlignment="1">
      <alignment vertical="center"/>
    </xf>
    <xf numFmtId="194" fontId="7" fillId="3" borderId="0" xfId="0" applyNumberFormat="1" applyFont="1" applyFill="1" applyBorder="1" applyAlignment="1">
      <alignment vertical="center"/>
    </xf>
    <xf numFmtId="193" fontId="7" fillId="3" borderId="6" xfId="0" applyNumberFormat="1" applyFont="1" applyFill="1" applyBorder="1" applyAlignment="1">
      <alignment vertical="center"/>
    </xf>
    <xf numFmtId="193" fontId="7" fillId="0" borderId="7" xfId="0" applyNumberFormat="1" applyFont="1" applyFill="1" applyBorder="1" applyAlignment="1">
      <alignment vertical="center"/>
    </xf>
    <xf numFmtId="194" fontId="7" fillId="0" borderId="0" xfId="0" applyNumberFormat="1" applyFont="1" applyFill="1" applyBorder="1" applyAlignment="1">
      <alignment vertical="center"/>
    </xf>
    <xf numFmtId="193" fontId="7" fillId="0" borderId="6" xfId="0" applyNumberFormat="1" applyFont="1" applyFill="1" applyBorder="1" applyAlignment="1">
      <alignment vertical="center"/>
    </xf>
    <xf numFmtId="193" fontId="7" fillId="0" borderId="7" xfId="0" applyNumberFormat="1" applyFont="1" applyFill="1" applyBorder="1" applyAlignment="1">
      <alignment horizontal="right" vertical="center"/>
    </xf>
    <xf numFmtId="194" fontId="7" fillId="0" borderId="0" xfId="0" applyNumberFormat="1" applyFont="1" applyFill="1" applyBorder="1" applyAlignment="1">
      <alignment horizontal="right" vertical="center"/>
    </xf>
    <xf numFmtId="193" fontId="7" fillId="0" borderId="6" xfId="0" applyNumberFormat="1" applyFont="1" applyFill="1" applyBorder="1" applyAlignment="1">
      <alignment horizontal="right" vertical="center"/>
    </xf>
    <xf numFmtId="193" fontId="7" fillId="3" borderId="7" xfId="0" applyNumberFormat="1" applyFont="1" applyFill="1" applyBorder="1" applyAlignment="1">
      <alignment horizontal="right" vertical="center"/>
    </xf>
    <xf numFmtId="194" fontId="7" fillId="3" borderId="0" xfId="0" applyNumberFormat="1" applyFont="1" applyFill="1" applyBorder="1" applyAlignment="1">
      <alignment horizontal="right" vertical="center"/>
    </xf>
    <xf numFmtId="193" fontId="7" fillId="3" borderId="6" xfId="0" applyNumberFormat="1" applyFont="1" applyFill="1" applyBorder="1" applyAlignment="1">
      <alignment horizontal="right" vertical="center"/>
    </xf>
    <xf numFmtId="0" fontId="0" fillId="0" borderId="0" xfId="0" applyFill="1" applyBorder="1" applyAlignment="1">
      <alignment vertical="center"/>
    </xf>
    <xf numFmtId="193" fontId="7" fillId="3" borderId="23" xfId="0" applyNumberFormat="1" applyFont="1" applyFill="1" applyBorder="1" applyAlignment="1">
      <alignment vertical="center"/>
    </xf>
    <xf numFmtId="194" fontId="7" fillId="3" borderId="2" xfId="0" applyNumberFormat="1" applyFont="1" applyFill="1" applyBorder="1" applyAlignment="1">
      <alignment vertical="center"/>
    </xf>
    <xf numFmtId="193" fontId="7" fillId="3" borderId="15" xfId="0" applyNumberFormat="1" applyFont="1" applyFill="1" applyBorder="1" applyAlignment="1">
      <alignment vertical="center"/>
    </xf>
    <xf numFmtId="0" fontId="0" fillId="0" borderId="0" xfId="0" applyBorder="1" applyAlignment="1">
      <alignment horizontal="center"/>
    </xf>
    <xf numFmtId="176" fontId="21" fillId="0" borderId="0" xfId="0" applyNumberFormat="1" applyFont="1" applyBorder="1" applyAlignment="1"/>
    <xf numFmtId="176" fontId="21" fillId="0" borderId="0" xfId="0" applyNumberFormat="1" applyFont="1"/>
    <xf numFmtId="176" fontId="5" fillId="0" borderId="5" xfId="0" applyNumberFormat="1" applyFont="1" applyFill="1" applyBorder="1" applyAlignment="1">
      <alignment vertical="center"/>
    </xf>
    <xf numFmtId="0" fontId="4" fillId="0" borderId="4" xfId="0" applyFont="1" applyFill="1" applyBorder="1" applyAlignment="1">
      <alignment vertical="center"/>
    </xf>
    <xf numFmtId="0" fontId="4" fillId="0" borderId="5" xfId="0" applyFont="1" applyFill="1" applyBorder="1" applyAlignment="1">
      <alignment vertical="center"/>
    </xf>
    <xf numFmtId="0" fontId="4" fillId="0" borderId="3" xfId="0" applyFont="1" applyFill="1" applyBorder="1" applyAlignment="1">
      <alignment vertical="center"/>
    </xf>
    <xf numFmtId="176" fontId="5" fillId="0" borderId="12" xfId="0" applyNumberFormat="1" applyFont="1" applyFill="1" applyBorder="1" applyAlignment="1">
      <alignment vertical="center"/>
    </xf>
    <xf numFmtId="0" fontId="4" fillId="0" borderId="11" xfId="0" applyFont="1" applyFill="1" applyBorder="1" applyAlignment="1">
      <alignment vertical="center"/>
    </xf>
    <xf numFmtId="0" fontId="4" fillId="0" borderId="12" xfId="0" applyFont="1" applyFill="1" applyBorder="1" applyAlignment="1">
      <alignment vertical="center"/>
    </xf>
    <xf numFmtId="0" fontId="4" fillId="0" borderId="6" xfId="0" applyFont="1" applyFill="1" applyBorder="1" applyAlignment="1">
      <alignment vertical="center"/>
    </xf>
    <xf numFmtId="0" fontId="4" fillId="0" borderId="0" xfId="0" applyFont="1" applyFill="1" applyBorder="1" applyAlignment="1">
      <alignment vertical="center"/>
    </xf>
    <xf numFmtId="0" fontId="4" fillId="0" borderId="22" xfId="0" applyFont="1" applyFill="1" applyBorder="1" applyAlignment="1">
      <alignment vertical="center"/>
    </xf>
    <xf numFmtId="0" fontId="4" fillId="0" borderId="10" xfId="0" applyFont="1" applyFill="1" applyBorder="1" applyAlignment="1">
      <alignment vertical="center"/>
    </xf>
    <xf numFmtId="0" fontId="5" fillId="0" borderId="7" xfId="0" applyFont="1" applyFill="1" applyBorder="1" applyAlignment="1">
      <alignment horizontal="center" vertical="center"/>
    </xf>
    <xf numFmtId="193" fontId="7" fillId="3" borderId="8" xfId="0" applyNumberFormat="1" applyFont="1" applyFill="1" applyBorder="1" applyAlignment="1">
      <alignment horizontal="right" vertical="center"/>
    </xf>
    <xf numFmtId="194" fontId="7" fillId="3" borderId="9" xfId="0" applyNumberFormat="1" applyFont="1" applyFill="1" applyBorder="1" applyAlignment="1">
      <alignment horizontal="right" vertical="center"/>
    </xf>
    <xf numFmtId="193" fontId="7" fillId="3" borderId="22" xfId="0" applyNumberFormat="1" applyFont="1" applyFill="1" applyBorder="1" applyAlignment="1">
      <alignment horizontal="right" vertical="center"/>
    </xf>
    <xf numFmtId="193" fontId="7" fillId="0" borderId="7" xfId="0" applyNumberFormat="1" applyFont="1" applyBorder="1" applyAlignment="1">
      <alignment horizontal="right" vertical="center"/>
    </xf>
    <xf numFmtId="194" fontId="7" fillId="0" borderId="0" xfId="0" applyNumberFormat="1" applyFont="1" applyBorder="1" applyAlignment="1">
      <alignment horizontal="right" vertical="center"/>
    </xf>
    <xf numFmtId="193" fontId="7" fillId="0" borderId="6" xfId="0" applyNumberFormat="1" applyFont="1" applyBorder="1" applyAlignment="1">
      <alignment horizontal="right" vertical="center"/>
    </xf>
    <xf numFmtId="0" fontId="0" fillId="0" borderId="0" xfId="0" applyFill="1" applyBorder="1" applyAlignment="1">
      <alignment horizontal="center" vertical="center"/>
    </xf>
    <xf numFmtId="176" fontId="21" fillId="0" borderId="0" xfId="0" applyNumberFormat="1" applyFont="1" applyFill="1" applyAlignment="1">
      <alignment horizontal="right"/>
    </xf>
    <xf numFmtId="193" fontId="7" fillId="3" borderId="23" xfId="0" applyNumberFormat="1" applyFont="1" applyFill="1" applyBorder="1" applyAlignment="1">
      <alignment horizontal="right" vertical="center"/>
    </xf>
    <xf numFmtId="194" fontId="7" fillId="3" borderId="2" xfId="0" applyNumberFormat="1" applyFont="1" applyFill="1" applyBorder="1" applyAlignment="1">
      <alignment horizontal="right" vertical="center"/>
    </xf>
    <xf numFmtId="193" fontId="7" fillId="3" borderId="15" xfId="0" applyNumberFormat="1" applyFont="1" applyFill="1" applyBorder="1" applyAlignment="1">
      <alignment horizontal="right" vertical="center"/>
    </xf>
    <xf numFmtId="0" fontId="0" fillId="0" borderId="0" xfId="0" applyFill="1" applyBorder="1"/>
    <xf numFmtId="0" fontId="0" fillId="0" borderId="0" xfId="0" applyFill="1" applyAlignment="1">
      <alignment horizontal="center"/>
    </xf>
    <xf numFmtId="176" fontId="21" fillId="0" borderId="0" xfId="0" applyNumberFormat="1" applyFont="1" applyFill="1"/>
    <xf numFmtId="0" fontId="5" fillId="0" borderId="1" xfId="0" applyFont="1" applyFill="1" applyBorder="1" applyAlignment="1">
      <alignment horizontal="center"/>
    </xf>
    <xf numFmtId="0" fontId="5" fillId="0" borderId="24" xfId="0" applyFont="1" applyFill="1" applyBorder="1" applyAlignment="1">
      <alignment horizontal="center"/>
    </xf>
    <xf numFmtId="0" fontId="5" fillId="0" borderId="24" xfId="0" applyFont="1" applyFill="1" applyBorder="1" applyAlignment="1">
      <alignment horizontal="center" vertical="center"/>
    </xf>
    <xf numFmtId="195" fontId="7" fillId="3" borderId="9" xfId="0" applyNumberFormat="1" applyFont="1" applyFill="1" applyBorder="1" applyAlignment="1">
      <alignment vertical="center"/>
    </xf>
    <xf numFmtId="196" fontId="7" fillId="3" borderId="9" xfId="0" applyNumberFormat="1" applyFont="1" applyFill="1" applyBorder="1" applyAlignment="1">
      <alignment vertical="center"/>
    </xf>
    <xf numFmtId="196" fontId="7" fillId="3" borderId="22" xfId="0" applyNumberFormat="1" applyFont="1" applyFill="1" applyBorder="1" applyAlignment="1">
      <alignment vertical="center"/>
    </xf>
    <xf numFmtId="195" fontId="7" fillId="0" borderId="0" xfId="0" applyNumberFormat="1" applyFont="1" applyBorder="1" applyAlignment="1">
      <alignment vertical="center"/>
    </xf>
    <xf numFmtId="196" fontId="7" fillId="0" borderId="0" xfId="0" applyNumberFormat="1" applyFont="1" applyBorder="1" applyAlignment="1">
      <alignment vertical="center"/>
    </xf>
    <xf numFmtId="196" fontId="7" fillId="0" borderId="6" xfId="0" applyNumberFormat="1" applyFont="1" applyBorder="1" applyAlignment="1">
      <alignment vertical="center"/>
    </xf>
    <xf numFmtId="195" fontId="7" fillId="3" borderId="0" xfId="0" applyNumberFormat="1" applyFont="1" applyFill="1" applyBorder="1" applyAlignment="1">
      <alignment vertical="center"/>
    </xf>
    <xf numFmtId="196" fontId="7" fillId="3" borderId="0" xfId="0" applyNumberFormat="1" applyFont="1" applyFill="1" applyBorder="1" applyAlignment="1">
      <alignment vertical="center"/>
    </xf>
    <xf numFmtId="196" fontId="7" fillId="3" borderId="6" xfId="0" applyNumberFormat="1" applyFont="1" applyFill="1" applyBorder="1" applyAlignment="1">
      <alignment vertical="center"/>
    </xf>
    <xf numFmtId="195" fontId="7" fillId="0" borderId="0" xfId="0" applyNumberFormat="1" applyFont="1" applyFill="1" applyBorder="1" applyAlignment="1">
      <alignment vertical="center"/>
    </xf>
    <xf numFmtId="196" fontId="7" fillId="0" borderId="0" xfId="0" applyNumberFormat="1" applyFont="1" applyFill="1" applyBorder="1" applyAlignment="1">
      <alignment vertical="center"/>
    </xf>
    <xf numFmtId="196" fontId="7" fillId="0" borderId="6" xfId="0" applyNumberFormat="1" applyFont="1" applyFill="1" applyBorder="1" applyAlignment="1">
      <alignment vertical="center"/>
    </xf>
    <xf numFmtId="195" fontId="7" fillId="0" borderId="0" xfId="0" applyNumberFormat="1" applyFont="1" applyFill="1" applyBorder="1" applyAlignment="1">
      <alignment horizontal="right" vertical="center"/>
    </xf>
    <xf numFmtId="196" fontId="7" fillId="0" borderId="0" xfId="0" applyNumberFormat="1" applyFont="1" applyFill="1" applyBorder="1" applyAlignment="1">
      <alignment horizontal="right" vertical="center"/>
    </xf>
    <xf numFmtId="196" fontId="7" fillId="0" borderId="6" xfId="0" applyNumberFormat="1" applyFont="1" applyFill="1" applyBorder="1" applyAlignment="1">
      <alignment horizontal="right" vertical="center"/>
    </xf>
    <xf numFmtId="195" fontId="7" fillId="3" borderId="0" xfId="0" applyNumberFormat="1" applyFont="1" applyFill="1" applyBorder="1" applyAlignment="1">
      <alignment horizontal="right" vertical="center"/>
    </xf>
    <xf numFmtId="196" fontId="7" fillId="3" borderId="0" xfId="0" applyNumberFormat="1" applyFont="1" applyFill="1" applyBorder="1" applyAlignment="1">
      <alignment horizontal="right" vertical="center"/>
    </xf>
    <xf numFmtId="196" fontId="7" fillId="3" borderId="6" xfId="0" applyNumberFormat="1" applyFont="1" applyFill="1" applyBorder="1" applyAlignment="1">
      <alignment horizontal="right" vertical="center"/>
    </xf>
    <xf numFmtId="196" fontId="7" fillId="0" borderId="0" xfId="0" applyNumberFormat="1" applyFont="1" applyBorder="1" applyAlignment="1">
      <alignment vertical="center" shrinkToFit="1"/>
    </xf>
    <xf numFmtId="195" fontId="7" fillId="3" borderId="2" xfId="0" applyNumberFormat="1" applyFont="1" applyFill="1" applyBorder="1" applyAlignment="1">
      <alignment vertical="center"/>
    </xf>
    <xf numFmtId="196" fontId="7" fillId="3" borderId="2" xfId="0" applyNumberFormat="1" applyFont="1" applyFill="1" applyBorder="1" applyAlignment="1">
      <alignment vertical="center"/>
    </xf>
    <xf numFmtId="196" fontId="7" fillId="3" borderId="15" xfId="0" applyNumberFormat="1" applyFont="1" applyFill="1" applyBorder="1" applyAlignment="1">
      <alignment vertical="center"/>
    </xf>
    <xf numFmtId="0" fontId="8" fillId="0" borderId="0" xfId="0" applyFont="1" applyFill="1" applyBorder="1" applyAlignment="1">
      <alignment horizontal="center"/>
    </xf>
    <xf numFmtId="0" fontId="8" fillId="0" borderId="0" xfId="0" applyFont="1" applyFill="1" applyBorder="1"/>
    <xf numFmtId="3" fontId="8" fillId="0" borderId="0" xfId="0" applyNumberFormat="1" applyFont="1" applyFill="1" applyBorder="1" applyAlignment="1">
      <alignment horizontal="center" vertical="center"/>
    </xf>
    <xf numFmtId="179" fontId="8" fillId="0" borderId="0" xfId="0" applyNumberFormat="1" applyFont="1" applyFill="1" applyBorder="1" applyAlignment="1">
      <alignment horizontal="center" vertical="center"/>
    </xf>
    <xf numFmtId="4" fontId="11" fillId="0" borderId="0" xfId="0" applyNumberFormat="1" applyFont="1" applyFill="1" applyBorder="1"/>
    <xf numFmtId="3" fontId="8" fillId="0" borderId="0" xfId="0" applyNumberFormat="1" applyFont="1" applyFill="1" applyBorder="1" applyAlignment="1">
      <alignment horizontal="right" vertical="center"/>
    </xf>
    <xf numFmtId="179" fontId="8" fillId="0" borderId="0" xfId="0" applyNumberFormat="1" applyFont="1" applyFill="1" applyBorder="1" applyAlignment="1">
      <alignment horizontal="right" vertical="center"/>
    </xf>
    <xf numFmtId="195" fontId="7" fillId="3" borderId="9" xfId="0" applyNumberFormat="1" applyFont="1" applyFill="1" applyBorder="1" applyAlignment="1">
      <alignment horizontal="right" vertical="center"/>
    </xf>
    <xf numFmtId="196" fontId="7" fillId="3" borderId="9" xfId="0" applyNumberFormat="1" applyFont="1" applyFill="1" applyBorder="1" applyAlignment="1">
      <alignment horizontal="right" vertical="center"/>
    </xf>
    <xf numFmtId="196" fontId="7" fillId="3" borderId="22" xfId="0" applyNumberFormat="1" applyFont="1" applyFill="1" applyBorder="1" applyAlignment="1">
      <alignment horizontal="right" vertical="center"/>
    </xf>
    <xf numFmtId="195" fontId="7" fillId="0" borderId="0" xfId="0" applyNumberFormat="1" applyFont="1" applyBorder="1" applyAlignment="1">
      <alignment horizontal="right" vertical="center"/>
    </xf>
    <xf numFmtId="196" fontId="7" fillId="0" borderId="0" xfId="0" applyNumberFormat="1" applyFont="1" applyBorder="1" applyAlignment="1">
      <alignment horizontal="right" vertical="center"/>
    </xf>
    <xf numFmtId="196" fontId="7" fillId="0" borderId="6" xfId="0" applyNumberFormat="1" applyFont="1" applyBorder="1" applyAlignment="1">
      <alignment horizontal="right" vertical="center"/>
    </xf>
    <xf numFmtId="195" fontId="7" fillId="3" borderId="2" xfId="0" applyNumberFormat="1" applyFont="1" applyFill="1" applyBorder="1" applyAlignment="1">
      <alignment horizontal="right" vertical="center"/>
    </xf>
    <xf numFmtId="196" fontId="7" fillId="3" borderId="2" xfId="0" applyNumberFormat="1" applyFont="1" applyFill="1" applyBorder="1" applyAlignment="1">
      <alignment horizontal="right" vertical="center"/>
    </xf>
    <xf numFmtId="196" fontId="7" fillId="3" borderId="15" xfId="0" applyNumberFormat="1" applyFont="1" applyFill="1" applyBorder="1" applyAlignment="1">
      <alignment horizontal="right" vertical="center"/>
    </xf>
    <xf numFmtId="176" fontId="7" fillId="0" borderId="0" xfId="0" applyNumberFormat="1" applyFont="1" applyFill="1" applyBorder="1"/>
    <xf numFmtId="0" fontId="8" fillId="0" borderId="0" xfId="0" applyFont="1" applyAlignment="1">
      <alignment horizontal="center" vertical="center"/>
    </xf>
    <xf numFmtId="0" fontId="8" fillId="0" borderId="0" xfId="0" applyFont="1" applyAlignment="1">
      <alignment vertical="center"/>
    </xf>
    <xf numFmtId="0" fontId="8" fillId="0" borderId="0" xfId="0" applyFont="1" applyFill="1" applyAlignment="1">
      <alignment horizontal="distributed" vertical="distributed"/>
    </xf>
    <xf numFmtId="0" fontId="8" fillId="0" borderId="0" xfId="0" applyFont="1" applyFill="1" applyAlignment="1">
      <alignment horizontal="center" vertical="center"/>
    </xf>
    <xf numFmtId="0" fontId="5" fillId="0" borderId="5" xfId="0" applyFont="1" applyFill="1" applyBorder="1" applyAlignment="1">
      <alignment horizontal="center" vertical="center"/>
    </xf>
    <xf numFmtId="0" fontId="5" fillId="0" borderId="27" xfId="0" applyFont="1" applyFill="1" applyBorder="1" applyAlignment="1">
      <alignment horizontal="center" vertical="center"/>
    </xf>
    <xf numFmtId="0" fontId="5" fillId="0" borderId="3" xfId="0" applyFont="1" applyFill="1" applyBorder="1" applyAlignment="1">
      <alignment horizontal="center" vertical="center"/>
    </xf>
    <xf numFmtId="0" fontId="5" fillId="0" borderId="12" xfId="0" applyFont="1" applyFill="1" applyBorder="1" applyAlignment="1">
      <alignment horizontal="center" vertical="center"/>
    </xf>
    <xf numFmtId="0" fontId="5" fillId="0" borderId="28" xfId="0" applyFont="1" applyFill="1" applyBorder="1" applyAlignment="1">
      <alignment horizontal="center" vertical="center"/>
    </xf>
    <xf numFmtId="0" fontId="5" fillId="0" borderId="11" xfId="0" applyFont="1" applyFill="1" applyBorder="1" applyAlignment="1">
      <alignment horizontal="center" vertical="center"/>
    </xf>
    <xf numFmtId="0" fontId="18" fillId="0" borderId="6" xfId="0" applyFont="1" applyFill="1" applyBorder="1" applyAlignment="1">
      <alignment horizontal="left" wrapText="1"/>
    </xf>
    <xf numFmtId="0" fontId="18" fillId="0" borderId="30" xfId="0" applyFont="1" applyFill="1" applyBorder="1" applyAlignment="1">
      <alignment horizontal="left" wrapText="1"/>
    </xf>
    <xf numFmtId="0" fontId="18" fillId="0" borderId="0" xfId="0" applyFont="1" applyFill="1" applyBorder="1" applyAlignment="1">
      <alignment horizontal="left" wrapText="1"/>
    </xf>
    <xf numFmtId="0" fontId="5" fillId="0" borderId="12" xfId="0" applyFont="1" applyFill="1" applyBorder="1" applyAlignment="1">
      <alignment horizontal="right"/>
    </xf>
    <xf numFmtId="0" fontId="18" fillId="0" borderId="10" xfId="0" applyFont="1" applyFill="1" applyBorder="1" applyAlignment="1">
      <alignment horizontal="right"/>
    </xf>
    <xf numFmtId="0" fontId="18" fillId="0" borderId="28" xfId="0" applyFont="1" applyFill="1" applyBorder="1" applyAlignment="1">
      <alignment horizontal="right" vertical="center"/>
    </xf>
    <xf numFmtId="0" fontId="18" fillId="0" borderId="12" xfId="0" applyFont="1" applyFill="1" applyBorder="1" applyAlignment="1">
      <alignment horizontal="right"/>
    </xf>
    <xf numFmtId="0" fontId="0" fillId="0" borderId="0" xfId="0" applyAlignment="1">
      <alignment horizontal="right"/>
    </xf>
    <xf numFmtId="0" fontId="11" fillId="0" borderId="0" xfId="0" applyFont="1" applyBorder="1" applyAlignment="1">
      <alignment horizontal="center" vertical="center"/>
    </xf>
    <xf numFmtId="0" fontId="7" fillId="0" borderId="0" xfId="0" applyFont="1" applyFill="1" applyBorder="1" applyAlignment="1">
      <alignment horizontal="center" vertical="center"/>
    </xf>
    <xf numFmtId="0" fontId="7" fillId="0" borderId="0" xfId="0" applyFont="1" applyFill="1" applyBorder="1" applyAlignment="1"/>
    <xf numFmtId="0" fontId="7" fillId="0" borderId="30" xfId="0" applyFont="1" applyFill="1" applyBorder="1" applyAlignment="1">
      <alignment horizontal="center" vertical="center"/>
    </xf>
    <xf numFmtId="0" fontId="7" fillId="0" borderId="0" xfId="0" applyFont="1" applyFill="1" applyBorder="1"/>
    <xf numFmtId="0" fontId="7" fillId="0" borderId="6" xfId="0" applyFont="1" applyFill="1" applyBorder="1" applyAlignment="1">
      <alignment horizontal="center" vertical="center"/>
    </xf>
    <xf numFmtId="0" fontId="7" fillId="0" borderId="7" xfId="0" applyFont="1" applyFill="1" applyBorder="1"/>
    <xf numFmtId="0" fontId="5" fillId="3" borderId="0" xfId="0" applyFont="1" applyFill="1" applyBorder="1" applyAlignment="1">
      <alignment horizontal="distributed" vertical="distributed"/>
    </xf>
    <xf numFmtId="0" fontId="18" fillId="3" borderId="0" xfId="0" applyFont="1" applyFill="1" applyBorder="1" applyAlignment="1">
      <alignment horizontal="center" vertical="center"/>
    </xf>
    <xf numFmtId="180" fontId="11" fillId="3" borderId="7" xfId="0" applyNumberFormat="1" applyFont="1" applyFill="1" applyBorder="1" applyAlignment="1">
      <alignment vertical="center"/>
    </xf>
    <xf numFmtId="179" fontId="11" fillId="3" borderId="0" xfId="0" applyNumberFormat="1" applyFont="1" applyFill="1" applyBorder="1" applyAlignment="1">
      <alignment horizontal="right" vertical="center"/>
    </xf>
    <xf numFmtId="180" fontId="11" fillId="3" borderId="0" xfId="0" applyNumberFormat="1" applyFont="1" applyFill="1" applyBorder="1" applyAlignment="1">
      <alignment vertical="center"/>
    </xf>
    <xf numFmtId="179" fontId="11" fillId="3" borderId="30" xfId="0" applyNumberFormat="1" applyFont="1" applyFill="1" applyBorder="1" applyAlignment="1">
      <alignment horizontal="right" vertical="center"/>
    </xf>
    <xf numFmtId="179" fontId="11" fillId="3" borderId="6" xfId="0" applyNumberFormat="1" applyFont="1" applyFill="1" applyBorder="1" applyAlignment="1">
      <alignment horizontal="right" vertical="center"/>
    </xf>
    <xf numFmtId="0" fontId="5" fillId="0" borderId="0" xfId="0" applyFont="1" applyBorder="1" applyAlignment="1">
      <alignment horizontal="distributed" vertical="distributed"/>
    </xf>
    <xf numFmtId="0" fontId="18" fillId="0" borderId="0" xfId="0" applyFont="1" applyBorder="1" applyAlignment="1">
      <alignment horizontal="center" vertical="center"/>
    </xf>
    <xf numFmtId="180" fontId="11" fillId="0" borderId="7" xfId="0" applyNumberFormat="1" applyFont="1" applyFill="1" applyBorder="1" applyAlignment="1">
      <alignment vertical="center"/>
    </xf>
    <xf numFmtId="179" fontId="11" fillId="0" borderId="0" xfId="0" applyNumberFormat="1" applyFont="1" applyFill="1" applyBorder="1" applyAlignment="1">
      <alignment horizontal="right" vertical="center"/>
    </xf>
    <xf numFmtId="180" fontId="11" fillId="0" borderId="0" xfId="0" applyNumberFormat="1" applyFont="1" applyFill="1" applyBorder="1" applyAlignment="1">
      <alignment vertical="center"/>
    </xf>
    <xf numFmtId="179" fontId="11" fillId="0" borderId="30" xfId="0" applyNumberFormat="1" applyFont="1" applyFill="1" applyBorder="1" applyAlignment="1">
      <alignment horizontal="right" vertical="center"/>
    </xf>
    <xf numFmtId="179" fontId="11" fillId="0" borderId="6" xfId="0" applyNumberFormat="1" applyFont="1" applyFill="1" applyBorder="1" applyAlignment="1">
      <alignment horizontal="right" vertical="center"/>
    </xf>
    <xf numFmtId="0" fontId="18" fillId="0" borderId="0" xfId="0" applyFont="1" applyBorder="1" applyAlignment="1">
      <alignment horizontal="center"/>
    </xf>
    <xf numFmtId="0" fontId="11" fillId="0" borderId="7" xfId="0" applyFont="1" applyFill="1" applyBorder="1" applyAlignment="1">
      <alignment vertical="center"/>
    </xf>
    <xf numFmtId="0" fontId="11" fillId="0" borderId="0" xfId="0" applyFont="1" applyFill="1" applyBorder="1" applyAlignment="1">
      <alignment vertical="center"/>
    </xf>
    <xf numFmtId="179" fontId="11" fillId="0" borderId="7" xfId="0" applyNumberFormat="1" applyFont="1" applyFill="1" applyBorder="1" applyAlignment="1">
      <alignment vertical="center"/>
    </xf>
    <xf numFmtId="179" fontId="11" fillId="0" borderId="0" xfId="0" applyNumberFormat="1" applyFont="1" applyFill="1" applyBorder="1" applyAlignment="1">
      <alignment vertical="center"/>
    </xf>
    <xf numFmtId="179" fontId="11" fillId="3" borderId="7" xfId="0" applyNumberFormat="1" applyFont="1" applyFill="1" applyBorder="1" applyAlignment="1">
      <alignment vertical="center"/>
    </xf>
    <xf numFmtId="179" fontId="11" fillId="3" borderId="0" xfId="0" applyNumberFormat="1" applyFont="1" applyFill="1" applyBorder="1" applyAlignment="1">
      <alignment vertical="center"/>
    </xf>
    <xf numFmtId="180" fontId="11" fillId="0" borderId="7" xfId="0" applyNumberFormat="1" applyFont="1" applyFill="1" applyBorder="1" applyAlignment="1">
      <alignment horizontal="right" vertical="center" shrinkToFit="1"/>
    </xf>
    <xf numFmtId="179" fontId="11" fillId="0" borderId="0" xfId="0" applyNumberFormat="1" applyFont="1" applyFill="1" applyBorder="1" applyAlignment="1">
      <alignment horizontal="right" vertical="center" shrinkToFit="1"/>
    </xf>
    <xf numFmtId="180" fontId="11" fillId="0" borderId="0" xfId="0" applyNumberFormat="1" applyFont="1" applyFill="1" applyBorder="1" applyAlignment="1">
      <alignment horizontal="right" vertical="center" shrinkToFit="1"/>
    </xf>
    <xf numFmtId="179" fontId="11" fillId="0" borderId="30" xfId="0" applyNumberFormat="1" applyFont="1" applyFill="1" applyBorder="1" applyAlignment="1">
      <alignment horizontal="right" vertical="center" shrinkToFit="1"/>
    </xf>
    <xf numFmtId="179" fontId="11" fillId="0" borderId="6" xfId="0" applyNumberFormat="1" applyFont="1" applyFill="1" applyBorder="1" applyAlignment="1">
      <alignment horizontal="right" vertical="center" shrinkToFit="1"/>
    </xf>
    <xf numFmtId="180" fontId="11" fillId="0" borderId="7" xfId="0" applyNumberFormat="1" applyFont="1" applyFill="1" applyBorder="1" applyAlignment="1">
      <alignment vertical="center" shrinkToFit="1"/>
    </xf>
    <xf numFmtId="180" fontId="11" fillId="0" borderId="0" xfId="0" applyNumberFormat="1" applyFont="1" applyFill="1" applyBorder="1" applyAlignment="1">
      <alignment vertical="center" shrinkToFit="1"/>
    </xf>
    <xf numFmtId="2" fontId="11" fillId="3" borderId="7" xfId="3" applyNumberFormat="1" applyFont="1" applyFill="1" applyBorder="1" applyAlignment="1">
      <alignment horizontal="right" vertical="center"/>
    </xf>
    <xf numFmtId="2" fontId="11" fillId="3" borderId="0" xfId="3" applyNumberFormat="1" applyFont="1" applyFill="1" applyBorder="1" applyAlignment="1">
      <alignment horizontal="right" vertical="center"/>
    </xf>
    <xf numFmtId="2" fontId="11" fillId="3" borderId="30" xfId="3" applyNumberFormat="1" applyFont="1" applyFill="1" applyBorder="1" applyAlignment="1">
      <alignment horizontal="right" vertical="center"/>
    </xf>
    <xf numFmtId="2" fontId="11" fillId="3" borderId="6" xfId="3" applyNumberFormat="1" applyFont="1" applyFill="1" applyBorder="1" applyAlignment="1">
      <alignment horizontal="right" vertical="center"/>
    </xf>
    <xf numFmtId="2" fontId="11" fillId="3" borderId="7" xfId="3" applyNumberFormat="1" applyFont="1" applyFill="1" applyBorder="1" applyAlignment="1">
      <alignment vertical="center"/>
    </xf>
    <xf numFmtId="2" fontId="11" fillId="3" borderId="0" xfId="3" applyNumberFormat="1" applyFont="1" applyFill="1" applyBorder="1" applyAlignment="1">
      <alignment vertical="center"/>
    </xf>
    <xf numFmtId="2" fontId="11" fillId="3" borderId="6" xfId="3" applyNumberFormat="1" applyFont="1" applyFill="1" applyBorder="1" applyAlignment="1">
      <alignment vertical="center"/>
    </xf>
    <xf numFmtId="2" fontId="11" fillId="0" borderId="7" xfId="3" applyNumberFormat="1" applyFont="1" applyFill="1" applyBorder="1" applyAlignment="1">
      <alignment horizontal="right" vertical="center"/>
    </xf>
    <xf numFmtId="2" fontId="11" fillId="0" borderId="0" xfId="3" applyNumberFormat="1" applyFont="1" applyFill="1" applyBorder="1" applyAlignment="1">
      <alignment horizontal="right" vertical="center"/>
    </xf>
    <xf numFmtId="2" fontId="11" fillId="0" borderId="30" xfId="3" applyNumberFormat="1" applyFont="1" applyFill="1" applyBorder="1" applyAlignment="1">
      <alignment horizontal="right" vertical="center"/>
    </xf>
    <xf numFmtId="2" fontId="11" fillId="0" borderId="6" xfId="3" applyNumberFormat="1" applyFont="1" applyFill="1" applyBorder="1" applyAlignment="1">
      <alignment horizontal="right" vertical="center"/>
    </xf>
    <xf numFmtId="2" fontId="11" fillId="0" borderId="7" xfId="3" applyNumberFormat="1" applyFont="1" applyFill="1" applyBorder="1" applyAlignment="1">
      <alignment vertical="center"/>
    </xf>
    <xf numFmtId="2" fontId="11" fillId="0" borderId="0" xfId="3" applyNumberFormat="1" applyFont="1" applyFill="1" applyBorder="1" applyAlignment="1">
      <alignment vertical="center"/>
    </xf>
    <xf numFmtId="2" fontId="11" fillId="0" borderId="6" xfId="3" applyNumberFormat="1" applyFont="1" applyFill="1" applyBorder="1" applyAlignment="1">
      <alignment vertical="center"/>
    </xf>
    <xf numFmtId="0" fontId="5" fillId="0" borderId="2" xfId="0" applyFont="1" applyBorder="1" applyAlignment="1">
      <alignment horizontal="distributed" vertical="distributed"/>
    </xf>
    <xf numFmtId="0" fontId="5" fillId="0" borderId="2" xfId="0" applyFont="1" applyBorder="1" applyAlignment="1">
      <alignment horizontal="center"/>
    </xf>
    <xf numFmtId="0" fontId="8" fillId="0" borderId="2" xfId="0" applyNumberFormat="1" applyFont="1" applyFill="1" applyBorder="1" applyAlignment="1"/>
    <xf numFmtId="0" fontId="8" fillId="0" borderId="31" xfId="0" applyNumberFormat="1" applyFont="1" applyFill="1" applyBorder="1" applyAlignment="1"/>
    <xf numFmtId="0" fontId="8" fillId="0" borderId="2" xfId="0" applyFont="1" applyFill="1" applyBorder="1"/>
    <xf numFmtId="0" fontId="8" fillId="0" borderId="15" xfId="0" applyNumberFormat="1" applyFont="1" applyFill="1" applyBorder="1" applyAlignment="1"/>
    <xf numFmtId="0" fontId="8" fillId="0" borderId="23" xfId="0" applyFont="1" applyFill="1" applyBorder="1"/>
    <xf numFmtId="49" fontId="0" fillId="0" borderId="0" xfId="0" applyNumberFormat="1" applyAlignment="1">
      <alignment vertical="center" textRotation="180"/>
    </xf>
    <xf numFmtId="0" fontId="8" fillId="0" borderId="0" xfId="0" applyFont="1"/>
    <xf numFmtId="0" fontId="8" fillId="0" borderId="0" xfId="0" applyFont="1" applyAlignment="1">
      <alignment horizontal="center"/>
    </xf>
    <xf numFmtId="0" fontId="7" fillId="0" borderId="0" xfId="0" applyFont="1" applyAlignment="1">
      <alignment horizontal="distributed" vertical="distributed"/>
    </xf>
    <xf numFmtId="0" fontId="8" fillId="0" borderId="0" xfId="0" applyFont="1" applyAlignment="1">
      <alignment horizontal="distributed" vertical="distributed"/>
    </xf>
    <xf numFmtId="0" fontId="8" fillId="0" borderId="0" xfId="0" applyFont="1" applyAlignment="1"/>
    <xf numFmtId="0" fontId="5" fillId="0" borderId="5" xfId="0" applyFont="1" applyBorder="1" applyAlignment="1">
      <alignment horizontal="center" vertical="center"/>
    </xf>
    <xf numFmtId="0" fontId="5" fillId="0" borderId="12" xfId="0" applyFont="1" applyBorder="1" applyAlignment="1">
      <alignment horizontal="center" vertical="center"/>
    </xf>
    <xf numFmtId="0" fontId="8" fillId="0" borderId="7" xfId="0" applyFont="1" applyBorder="1" applyAlignment="1"/>
    <xf numFmtId="0" fontId="5" fillId="0" borderId="0" xfId="0" applyFont="1" applyBorder="1" applyAlignment="1">
      <alignment horizontal="center" vertical="center"/>
    </xf>
    <xf numFmtId="0" fontId="5" fillId="0" borderId="12" xfId="0" applyFont="1" applyBorder="1" applyAlignment="1">
      <alignment horizontal="right"/>
    </xf>
    <xf numFmtId="0" fontId="0" fillId="0" borderId="0" xfId="0" applyBorder="1" applyAlignment="1">
      <alignment horizontal="right"/>
    </xf>
    <xf numFmtId="0" fontId="11" fillId="0" borderId="7" xfId="0" applyFont="1" applyBorder="1" applyAlignment="1">
      <alignment vertical="center"/>
    </xf>
    <xf numFmtId="179" fontId="11" fillId="0" borderId="7" xfId="0" applyNumberFormat="1" applyFont="1" applyBorder="1" applyAlignment="1">
      <alignment vertical="center"/>
    </xf>
    <xf numFmtId="180" fontId="11" fillId="0" borderId="7" xfId="0" applyNumberFormat="1" applyFont="1" applyBorder="1" applyAlignment="1">
      <alignment vertical="center" shrinkToFit="1"/>
    </xf>
    <xf numFmtId="2" fontId="11" fillId="3" borderId="7" xfId="0" applyNumberFormat="1" applyFont="1" applyFill="1" applyBorder="1" applyAlignment="1">
      <alignment vertical="center"/>
    </xf>
    <xf numFmtId="2" fontId="11" fillId="3" borderId="0" xfId="0" applyNumberFormat="1" applyFont="1" applyFill="1" applyBorder="1" applyAlignment="1">
      <alignment vertical="center"/>
    </xf>
    <xf numFmtId="2" fontId="11" fillId="3" borderId="30" xfId="3" applyNumberFormat="1" applyFont="1" applyFill="1" applyBorder="1" applyAlignment="1">
      <alignment vertical="center"/>
    </xf>
    <xf numFmtId="2" fontId="11" fillId="0" borderId="7" xfId="0" applyNumberFormat="1" applyFont="1" applyBorder="1" applyAlignment="1">
      <alignment vertical="center"/>
    </xf>
    <xf numFmtId="2" fontId="11" fillId="0" borderId="0" xfId="0" applyNumberFormat="1" applyFont="1" applyBorder="1" applyAlignment="1">
      <alignment vertical="center"/>
    </xf>
    <xf numFmtId="2" fontId="11" fillId="0" borderId="0" xfId="3" applyNumberFormat="1" applyFont="1" applyBorder="1" applyAlignment="1">
      <alignment vertical="center"/>
    </xf>
    <xf numFmtId="2" fontId="11" fillId="0" borderId="30" xfId="3" applyNumberFormat="1" applyFont="1" applyBorder="1" applyAlignment="1">
      <alignment vertical="center"/>
    </xf>
    <xf numFmtId="0" fontId="8" fillId="0" borderId="23" xfId="0" applyFont="1" applyBorder="1" applyAlignment="1"/>
    <xf numFmtId="0" fontId="8" fillId="0" borderId="0" xfId="0" applyFont="1" applyAlignment="1">
      <alignment horizontal="left" vertical="center"/>
    </xf>
    <xf numFmtId="0" fontId="8" fillId="0" borderId="0" xfId="0" applyFont="1" applyBorder="1" applyAlignment="1">
      <alignment horizontal="left" vertical="center"/>
    </xf>
    <xf numFmtId="14" fontId="8" fillId="0" borderId="0" xfId="0" applyNumberFormat="1" applyFont="1" applyBorder="1" applyAlignment="1">
      <alignment horizontal="left" vertical="center"/>
    </xf>
    <xf numFmtId="0" fontId="7" fillId="0" borderId="0" xfId="0" applyFont="1" applyAlignment="1">
      <alignment horizontal="right"/>
    </xf>
    <xf numFmtId="0" fontId="7" fillId="0" borderId="0" xfId="0" applyFont="1" applyBorder="1" applyAlignment="1">
      <alignment horizontal="distributed" vertical="distributed"/>
    </xf>
    <xf numFmtId="0" fontId="7" fillId="0" borderId="0" xfId="0" applyFont="1"/>
    <xf numFmtId="0" fontId="7" fillId="0" borderId="2" xfId="0" applyFont="1" applyBorder="1" applyAlignment="1">
      <alignment horizontal="right"/>
    </xf>
    <xf numFmtId="0" fontId="21" fillId="0" borderId="0" xfId="0" applyFont="1"/>
    <xf numFmtId="49" fontId="8" fillId="0" borderId="3" xfId="0" applyNumberFormat="1" applyFont="1" applyBorder="1" applyAlignment="1">
      <alignment vertical="center" textRotation="180"/>
    </xf>
    <xf numFmtId="0" fontId="14" fillId="0" borderId="5" xfId="0" applyFont="1" applyFill="1" applyBorder="1"/>
    <xf numFmtId="0" fontId="14" fillId="0" borderId="27" xfId="0" applyFont="1" applyFill="1" applyBorder="1"/>
    <xf numFmtId="0" fontId="14" fillId="0" borderId="3" xfId="0" applyFont="1" applyFill="1" applyBorder="1"/>
    <xf numFmtId="0" fontId="14" fillId="0" borderId="4" xfId="0" applyFont="1" applyFill="1" applyBorder="1"/>
    <xf numFmtId="0" fontId="14" fillId="0" borderId="5" xfId="0" applyFont="1" applyFill="1" applyBorder="1" applyAlignment="1"/>
    <xf numFmtId="49" fontId="8" fillId="0" borderId="0" xfId="0" applyNumberFormat="1" applyFont="1" applyBorder="1" applyAlignment="1">
      <alignment vertical="center" textRotation="180"/>
    </xf>
    <xf numFmtId="0" fontId="5" fillId="0" borderId="7" xfId="0" applyFont="1" applyFill="1" applyBorder="1" applyAlignment="1">
      <alignment shrinkToFit="1"/>
    </xf>
    <xf numFmtId="0" fontId="5" fillId="0" borderId="30" xfId="0" applyFont="1" applyFill="1" applyBorder="1" applyAlignment="1">
      <alignment shrinkToFit="1"/>
    </xf>
    <xf numFmtId="0" fontId="5" fillId="0" borderId="0" xfId="0" applyFont="1" applyFill="1" applyBorder="1" applyAlignment="1">
      <alignment shrinkToFit="1"/>
    </xf>
    <xf numFmtId="0" fontId="5" fillId="0" borderId="6" xfId="0" applyFont="1" applyFill="1" applyBorder="1" applyAlignment="1">
      <alignment shrinkToFit="1"/>
    </xf>
    <xf numFmtId="49" fontId="8" fillId="0" borderId="0" xfId="0" applyNumberFormat="1" applyFont="1" applyBorder="1" applyAlignment="1">
      <alignment horizontal="right" textRotation="180"/>
    </xf>
    <xf numFmtId="0" fontId="21" fillId="0" borderId="0" xfId="0" applyFont="1" applyAlignment="1">
      <alignment horizontal="right"/>
    </xf>
    <xf numFmtId="49" fontId="8" fillId="0" borderId="10" xfId="0" applyNumberFormat="1" applyFont="1" applyBorder="1" applyAlignment="1">
      <alignment vertical="center" textRotation="180"/>
    </xf>
    <xf numFmtId="0" fontId="14" fillId="0" borderId="12" xfId="0" applyFont="1" applyFill="1" applyBorder="1"/>
    <xf numFmtId="0" fontId="18" fillId="0" borderId="28" xfId="0" applyFont="1" applyFill="1" applyBorder="1" applyAlignment="1">
      <alignment horizontal="right"/>
    </xf>
    <xf numFmtId="0" fontId="14" fillId="0" borderId="10" xfId="0" applyFont="1" applyFill="1" applyBorder="1"/>
    <xf numFmtId="0" fontId="18" fillId="0" borderId="11" xfId="0" applyFont="1" applyFill="1" applyBorder="1" applyAlignment="1">
      <alignment horizontal="right"/>
    </xf>
    <xf numFmtId="0" fontId="14" fillId="0" borderId="12" xfId="0" applyFont="1" applyFill="1" applyBorder="1" applyAlignment="1"/>
    <xf numFmtId="0" fontId="7" fillId="0" borderId="8" xfId="0" applyFont="1" applyBorder="1"/>
    <xf numFmtId="0" fontId="7" fillId="0" borderId="22" xfId="0" applyFont="1" applyBorder="1"/>
    <xf numFmtId="0" fontId="7" fillId="0" borderId="0" xfId="0" applyFont="1" applyFill="1" applyBorder="1" applyAlignment="1">
      <alignment shrinkToFit="1"/>
    </xf>
    <xf numFmtId="0" fontId="7" fillId="0" borderId="30" xfId="0" applyFont="1" applyFill="1" applyBorder="1" applyAlignment="1">
      <alignment shrinkToFit="1"/>
    </xf>
    <xf numFmtId="0" fontId="5" fillId="0" borderId="7" xfId="0" applyFont="1" applyBorder="1" applyAlignment="1">
      <alignment horizontal="distributed" vertical="center"/>
    </xf>
    <xf numFmtId="0" fontId="5" fillId="0" borderId="6" xfId="0" applyFont="1" applyFill="1" applyBorder="1" applyAlignment="1">
      <alignment horizontal="right" vertical="center"/>
    </xf>
    <xf numFmtId="177" fontId="7" fillId="3" borderId="0" xfId="0" applyNumberFormat="1" applyFont="1" applyFill="1" applyBorder="1" applyAlignment="1">
      <alignment horizontal="right" vertical="center" shrinkToFit="1"/>
    </xf>
    <xf numFmtId="177" fontId="7" fillId="3" borderId="30" xfId="0" applyNumberFormat="1" applyFont="1" applyFill="1" applyBorder="1" applyAlignment="1">
      <alignment horizontal="right" vertical="center" shrinkToFit="1"/>
    </xf>
    <xf numFmtId="177" fontId="7" fillId="0" borderId="0" xfId="0" applyNumberFormat="1" applyFont="1" applyFill="1" applyBorder="1" applyAlignment="1">
      <alignment horizontal="right" vertical="center" shrinkToFit="1"/>
    </xf>
    <xf numFmtId="177" fontId="7" fillId="0" borderId="30" xfId="0" applyNumberFormat="1" applyFont="1" applyFill="1" applyBorder="1" applyAlignment="1">
      <alignment horizontal="right" vertical="center" shrinkToFit="1"/>
    </xf>
    <xf numFmtId="0" fontId="21" fillId="0" borderId="0" xfId="0" applyFont="1" applyFill="1"/>
    <xf numFmtId="0" fontId="5" fillId="0" borderId="6" xfId="0" applyNumberFormat="1" applyFont="1" applyFill="1" applyBorder="1" applyAlignment="1">
      <alignment horizontal="right" vertical="center"/>
    </xf>
    <xf numFmtId="0" fontId="5" fillId="0" borderId="7" xfId="0" applyFont="1" applyFill="1" applyBorder="1" applyAlignment="1">
      <alignment horizontal="distributed" vertical="center"/>
    </xf>
    <xf numFmtId="0" fontId="5" fillId="0" borderId="12" xfId="0" applyFont="1" applyBorder="1" applyAlignment="1">
      <alignment horizontal="distributed" vertical="center"/>
    </xf>
    <xf numFmtId="0" fontId="5" fillId="0" borderId="11" xfId="0" applyFont="1" applyFill="1" applyBorder="1" applyAlignment="1">
      <alignment vertical="center"/>
    </xf>
    <xf numFmtId="0" fontId="7" fillId="0" borderId="9" xfId="0" applyFont="1" applyBorder="1" applyAlignment="1">
      <alignment vertical="center"/>
    </xf>
    <xf numFmtId="0" fontId="5" fillId="0" borderId="8" xfId="0" applyFont="1" applyBorder="1"/>
    <xf numFmtId="0" fontId="5" fillId="0" borderId="22" xfId="0" applyFont="1" applyFill="1" applyBorder="1"/>
    <xf numFmtId="177" fontId="7" fillId="0" borderId="9" xfId="0" applyNumberFormat="1" applyFont="1" applyFill="1" applyBorder="1" applyAlignment="1">
      <alignment horizontal="right" vertical="center" shrinkToFit="1"/>
    </xf>
    <xf numFmtId="177" fontId="7" fillId="0" borderId="29" xfId="0" applyNumberFormat="1" applyFont="1" applyFill="1" applyBorder="1" applyAlignment="1">
      <alignment horizontal="right" vertical="center" shrinkToFit="1"/>
    </xf>
    <xf numFmtId="0" fontId="7" fillId="0" borderId="0" xfId="0" applyFont="1" applyBorder="1" applyAlignment="1"/>
    <xf numFmtId="177" fontId="7" fillId="3" borderId="0" xfId="0" applyNumberFormat="1" applyFont="1" applyFill="1" applyBorder="1" applyAlignment="1">
      <alignment horizontal="right" vertical="center"/>
    </xf>
    <xf numFmtId="177" fontId="7" fillId="0" borderId="0" xfId="0" applyNumberFormat="1" applyFont="1" applyFill="1" applyBorder="1" applyAlignment="1">
      <alignment horizontal="right" vertical="center"/>
    </xf>
    <xf numFmtId="0" fontId="8" fillId="0" borderId="2" xfId="0" applyFont="1" applyBorder="1" applyAlignment="1"/>
    <xf numFmtId="0" fontId="7" fillId="0" borderId="23" xfId="0" applyFont="1" applyBorder="1" applyAlignment="1">
      <alignment horizontal="distributed" vertical="center"/>
    </xf>
    <xf numFmtId="0" fontId="7" fillId="0" borderId="15" xfId="0" applyFont="1" applyBorder="1" applyAlignment="1">
      <alignment vertical="center"/>
    </xf>
    <xf numFmtId="0" fontId="7" fillId="0" borderId="2" xfId="0" applyFont="1" applyFill="1" applyBorder="1" applyAlignment="1">
      <alignment horizontal="right"/>
    </xf>
    <xf numFmtId="0" fontId="7" fillId="0" borderId="31" xfId="0" applyFont="1" applyFill="1" applyBorder="1" applyAlignment="1">
      <alignment horizontal="right"/>
    </xf>
    <xf numFmtId="0" fontId="7" fillId="0" borderId="0" xfId="0" applyFont="1" applyBorder="1" applyAlignment="1">
      <alignment vertical="center"/>
    </xf>
    <xf numFmtId="0" fontId="8" fillId="0" borderId="0" xfId="0" applyFont="1" applyBorder="1" applyAlignment="1">
      <alignment vertical="center"/>
    </xf>
    <xf numFmtId="0" fontId="11" fillId="0" borderId="0" xfId="0" applyFont="1"/>
    <xf numFmtId="0" fontId="23" fillId="0" borderId="0" xfId="0" applyFont="1"/>
    <xf numFmtId="0" fontId="11" fillId="0" borderId="0" xfId="0" applyFont="1" applyFill="1"/>
    <xf numFmtId="0" fontId="23" fillId="0" borderId="0" xfId="0" applyFont="1" applyFill="1"/>
    <xf numFmtId="177" fontId="7" fillId="0" borderId="0" xfId="0" applyNumberFormat="1" applyFont="1" applyFill="1" applyBorder="1" applyAlignment="1">
      <alignment horizontal="center" vertical="center" shrinkToFit="1"/>
    </xf>
    <xf numFmtId="0" fontId="7" fillId="0" borderId="0" xfId="0" applyFont="1" applyFill="1" applyBorder="1" applyAlignment="1">
      <alignment vertical="center"/>
    </xf>
    <xf numFmtId="177" fontId="7" fillId="4" borderId="30" xfId="0" applyNumberFormat="1" applyFont="1" applyFill="1" applyBorder="1" applyAlignment="1">
      <alignment horizontal="right" vertical="center" shrinkToFit="1"/>
    </xf>
    <xf numFmtId="177" fontId="7" fillId="5" borderId="0" xfId="0" applyNumberFormat="1" applyFont="1" applyFill="1" applyBorder="1" applyAlignment="1">
      <alignment horizontal="right" vertical="center" shrinkToFit="1"/>
    </xf>
    <xf numFmtId="177" fontId="7" fillId="4" borderId="0" xfId="0" applyNumberFormat="1" applyFont="1" applyFill="1" applyBorder="1" applyAlignment="1">
      <alignment horizontal="right" vertical="center" shrinkToFit="1"/>
    </xf>
    <xf numFmtId="0" fontId="2" fillId="0" borderId="0" xfId="0" applyFont="1"/>
    <xf numFmtId="0" fontId="2" fillId="0" borderId="0" xfId="0" applyFont="1" applyFill="1"/>
    <xf numFmtId="0" fontId="7" fillId="0" borderId="2" xfId="0" applyFont="1" applyBorder="1" applyAlignment="1">
      <alignment vertical="center"/>
    </xf>
    <xf numFmtId="49" fontId="8" fillId="0" borderId="0" xfId="0" applyNumberFormat="1" applyFont="1" applyAlignment="1">
      <alignment vertical="center"/>
    </xf>
    <xf numFmtId="49" fontId="8" fillId="0" borderId="3" xfId="0" applyNumberFormat="1" applyFont="1" applyBorder="1" applyAlignment="1">
      <alignment vertical="center"/>
    </xf>
    <xf numFmtId="49" fontId="8" fillId="0" borderId="0" xfId="0" applyNumberFormat="1" applyFont="1" applyBorder="1" applyAlignment="1">
      <alignment vertical="center"/>
    </xf>
    <xf numFmtId="49" fontId="8" fillId="0" borderId="0" xfId="0" applyNumberFormat="1" applyFont="1" applyBorder="1" applyAlignment="1">
      <alignment horizontal="right"/>
    </xf>
    <xf numFmtId="49" fontId="8" fillId="0" borderId="10" xfId="0" applyNumberFormat="1" applyFont="1" applyBorder="1" applyAlignment="1">
      <alignment vertical="center"/>
    </xf>
    <xf numFmtId="0" fontId="7" fillId="0" borderId="6" xfId="0" applyFont="1" applyBorder="1"/>
    <xf numFmtId="0" fontId="7" fillId="0" borderId="30" xfId="0" applyFont="1" applyFill="1" applyBorder="1" applyAlignment="1">
      <alignment vertical="center"/>
    </xf>
    <xf numFmtId="177" fontId="7" fillId="0" borderId="0" xfId="0" applyNumberFormat="1" applyFont="1" applyBorder="1" applyAlignment="1">
      <alignment horizontal="right" vertical="center" shrinkToFit="1"/>
    </xf>
    <xf numFmtId="0" fontId="7" fillId="0" borderId="2" xfId="0" applyFont="1" applyFill="1" applyBorder="1" applyAlignment="1">
      <alignment horizontal="right" vertical="center"/>
    </xf>
    <xf numFmtId="0" fontId="7" fillId="0" borderId="31" xfId="0" applyFont="1" applyFill="1" applyBorder="1" applyAlignment="1">
      <alignment horizontal="right" vertical="center"/>
    </xf>
    <xf numFmtId="0" fontId="7" fillId="0" borderId="0" xfId="0" applyFont="1" applyBorder="1" applyAlignment="1">
      <alignment horizontal="center" vertical="distributed"/>
    </xf>
    <xf numFmtId="0" fontId="7" fillId="0" borderId="0" xfId="0" applyFont="1" applyAlignment="1">
      <alignment horizontal="center"/>
    </xf>
    <xf numFmtId="0" fontId="8" fillId="0" borderId="0" xfId="0" applyFont="1" applyBorder="1" applyAlignment="1">
      <alignment horizontal="distributed" vertical="distributed"/>
    </xf>
    <xf numFmtId="0" fontId="24" fillId="0" borderId="0" xfId="0" applyFont="1" applyBorder="1" applyAlignment="1">
      <alignment horizontal="right" wrapText="1"/>
    </xf>
    <xf numFmtId="0" fontId="12" fillId="0" borderId="0" xfId="0" applyFont="1" applyFill="1" applyBorder="1" applyAlignment="1">
      <alignment horizontal="center"/>
    </xf>
    <xf numFmtId="0" fontId="7" fillId="0" borderId="0" xfId="0" applyFont="1" applyFill="1" applyAlignment="1">
      <alignment horizontal="center" vertical="center"/>
    </xf>
    <xf numFmtId="177" fontId="11" fillId="0" borderId="0" xfId="0" applyNumberFormat="1" applyFont="1" applyFill="1" applyAlignment="1">
      <alignment horizontal="center" vertical="center"/>
    </xf>
    <xf numFmtId="177" fontId="7" fillId="6" borderId="0" xfId="0" applyNumberFormat="1" applyFont="1" applyFill="1" applyBorder="1" applyAlignment="1">
      <alignment horizontal="right" vertical="center" shrinkToFit="1"/>
    </xf>
    <xf numFmtId="177" fontId="11" fillId="0" borderId="0" xfId="0" applyNumberFormat="1" applyFont="1" applyFill="1" applyBorder="1" applyAlignment="1">
      <alignment horizontal="center" vertical="center"/>
    </xf>
    <xf numFmtId="177" fontId="7" fillId="6" borderId="30" xfId="0" applyNumberFormat="1" applyFont="1" applyFill="1" applyBorder="1" applyAlignment="1">
      <alignment horizontal="right" vertical="center" shrinkToFit="1"/>
    </xf>
    <xf numFmtId="177" fontId="7" fillId="0" borderId="0" xfId="0" applyNumberFormat="1" applyFont="1" applyFill="1" applyBorder="1" applyAlignment="1">
      <alignment vertical="center" shrinkToFit="1"/>
    </xf>
    <xf numFmtId="177" fontId="7" fillId="0" borderId="30" xfId="0" applyNumberFormat="1" applyFont="1" applyFill="1" applyBorder="1" applyAlignment="1">
      <alignment vertical="center" shrinkToFit="1"/>
    </xf>
    <xf numFmtId="177" fontId="7" fillId="0" borderId="0" xfId="0" applyNumberFormat="1" applyFont="1" applyFill="1" applyBorder="1" applyAlignment="1">
      <alignment vertical="center"/>
    </xf>
    <xf numFmtId="177" fontId="7" fillId="3" borderId="0" xfId="0" applyNumberFormat="1" applyFont="1" applyFill="1" applyBorder="1" applyAlignment="1">
      <alignment vertical="center" shrinkToFit="1"/>
    </xf>
    <xf numFmtId="177" fontId="7" fillId="3" borderId="30" xfId="0" applyNumberFormat="1" applyFont="1" applyFill="1" applyBorder="1" applyAlignment="1">
      <alignment vertical="center" shrinkToFit="1"/>
    </xf>
    <xf numFmtId="177" fontId="7" fillId="3" borderId="0" xfId="0" applyNumberFormat="1" applyFont="1" applyFill="1" applyBorder="1" applyAlignment="1">
      <alignment vertical="center"/>
    </xf>
    <xf numFmtId="177" fontId="7" fillId="0" borderId="0" xfId="0" applyNumberFormat="1" applyFont="1" applyBorder="1" applyAlignment="1">
      <alignment horizontal="right" vertical="center"/>
    </xf>
    <xf numFmtId="0" fontId="8" fillId="0" borderId="0" xfId="0" applyFont="1" applyAlignment="1">
      <alignment horizontal="left"/>
    </xf>
    <xf numFmtId="0" fontId="7" fillId="0" borderId="0" xfId="0" applyFont="1" applyFill="1" applyAlignment="1">
      <alignment horizontal="right"/>
    </xf>
    <xf numFmtId="0" fontId="14" fillId="0" borderId="32" xfId="0" applyFont="1" applyFill="1" applyBorder="1"/>
    <xf numFmtId="0" fontId="7" fillId="0" borderId="0" xfId="0" applyFont="1" applyFill="1" applyBorder="1" applyAlignment="1">
      <alignment horizontal="center" vertical="center" shrinkToFit="1"/>
    </xf>
    <xf numFmtId="0" fontId="7" fillId="0" borderId="29" xfId="0" applyFont="1" applyFill="1" applyBorder="1" applyAlignment="1">
      <alignment horizontal="center" vertical="center" shrinkToFit="1"/>
    </xf>
    <xf numFmtId="0" fontId="10" fillId="0" borderId="0" xfId="0" applyFont="1" applyAlignment="1">
      <alignment horizontal="left"/>
    </xf>
    <xf numFmtId="0" fontId="8" fillId="0" borderId="0" xfId="0" applyFont="1" applyFill="1" applyAlignment="1">
      <alignment horizontal="left"/>
    </xf>
    <xf numFmtId="0" fontId="8" fillId="0" borderId="0" xfId="0" applyFont="1" applyFill="1" applyAlignment="1">
      <alignment horizontal="left" vertical="center"/>
    </xf>
    <xf numFmtId="0" fontId="8" fillId="0" borderId="0" xfId="0" applyFont="1" applyAlignment="1">
      <alignment horizontal="right"/>
    </xf>
    <xf numFmtId="0" fontId="15" fillId="2" borderId="0" xfId="0" applyFont="1" applyFill="1" applyBorder="1" applyAlignment="1">
      <alignment horizontal="distributed" vertical="center"/>
    </xf>
    <xf numFmtId="0" fontId="10" fillId="0" borderId="0" xfId="0" applyFont="1" applyFill="1" applyBorder="1" applyAlignment="1">
      <alignment horizontal="left" vertical="center"/>
    </xf>
    <xf numFmtId="0" fontId="13" fillId="0" borderId="5" xfId="0" applyFont="1" applyFill="1" applyBorder="1" applyAlignment="1">
      <alignment horizontal="center" vertical="center"/>
    </xf>
    <xf numFmtId="0" fontId="13" fillId="0" borderId="3" xfId="0" applyFont="1" applyFill="1" applyBorder="1" applyAlignment="1">
      <alignment horizontal="center" vertical="center"/>
    </xf>
    <xf numFmtId="0" fontId="13" fillId="0" borderId="7" xfId="0" applyFont="1" applyFill="1" applyBorder="1" applyAlignment="1">
      <alignment horizontal="center" vertical="center"/>
    </xf>
    <xf numFmtId="0" fontId="13" fillId="0" borderId="0" xfId="0" applyFont="1" applyFill="1" applyBorder="1" applyAlignment="1">
      <alignment horizontal="center" vertical="center"/>
    </xf>
    <xf numFmtId="0" fontId="13" fillId="0" borderId="0" xfId="0" applyFont="1" applyFill="1" applyBorder="1" applyAlignment="1">
      <alignment horizontal="distributed" vertical="center"/>
    </xf>
    <xf numFmtId="0" fontId="13" fillId="0" borderId="8" xfId="0" applyFont="1" applyFill="1" applyBorder="1" applyAlignment="1">
      <alignment horizontal="center" vertical="center" wrapText="1"/>
    </xf>
    <xf numFmtId="0" fontId="13" fillId="0" borderId="9" xfId="0" applyFont="1" applyFill="1" applyBorder="1" applyAlignment="1">
      <alignment horizontal="center" vertical="center" wrapText="1"/>
    </xf>
    <xf numFmtId="0" fontId="13" fillId="0" borderId="7" xfId="0" applyFont="1" applyFill="1" applyBorder="1" applyAlignment="1">
      <alignment horizontal="center" vertical="center" wrapText="1"/>
    </xf>
    <xf numFmtId="0" fontId="13" fillId="0" borderId="0" xfId="0" applyFont="1" applyFill="1" applyBorder="1" applyAlignment="1">
      <alignment horizontal="center" vertical="center" wrapText="1"/>
    </xf>
    <xf numFmtId="0" fontId="13" fillId="0" borderId="8" xfId="0" applyFont="1" applyFill="1" applyBorder="1" applyAlignment="1">
      <alignment horizontal="center" vertical="center" wrapText="1" shrinkToFit="1"/>
    </xf>
    <xf numFmtId="0" fontId="13" fillId="0" borderId="9" xfId="0" applyFont="1" applyFill="1" applyBorder="1" applyAlignment="1">
      <alignment horizontal="center" vertical="center" wrapText="1" shrinkToFit="1"/>
    </xf>
    <xf numFmtId="0" fontId="13" fillId="0" borderId="7" xfId="0" applyFont="1" applyFill="1" applyBorder="1" applyAlignment="1">
      <alignment horizontal="center" vertical="center" wrapText="1" shrinkToFit="1"/>
    </xf>
    <xf numFmtId="0" fontId="13" fillId="0" borderId="0" xfId="0" applyFont="1" applyFill="1" applyBorder="1" applyAlignment="1">
      <alignment horizontal="center" vertical="center" wrapText="1" shrinkToFit="1"/>
    </xf>
    <xf numFmtId="0" fontId="13" fillId="0" borderId="8" xfId="0" applyFont="1" applyFill="1" applyBorder="1" applyAlignment="1">
      <alignment horizontal="center" vertical="center"/>
    </xf>
    <xf numFmtId="0" fontId="13" fillId="0" borderId="9" xfId="0" applyFont="1" applyFill="1" applyBorder="1" applyAlignment="1">
      <alignment horizontal="center" vertical="center"/>
    </xf>
    <xf numFmtId="0" fontId="18" fillId="0" borderId="10" xfId="0" applyFont="1" applyFill="1" applyBorder="1" applyAlignment="1">
      <alignment horizontal="right" vertical="center"/>
    </xf>
    <xf numFmtId="0" fontId="9" fillId="3" borderId="0" xfId="0" applyFont="1" applyFill="1" applyBorder="1" applyAlignment="1">
      <alignment horizontal="distributed" vertical="center"/>
    </xf>
    <xf numFmtId="182" fontId="2" fillId="3" borderId="7" xfId="0" applyNumberFormat="1" applyFont="1" applyFill="1" applyBorder="1" applyAlignment="1">
      <alignment vertical="center"/>
    </xf>
    <xf numFmtId="182" fontId="2" fillId="3" borderId="0" xfId="0" applyNumberFormat="1" applyFont="1" applyFill="1" applyBorder="1" applyAlignment="1">
      <alignment vertical="center"/>
    </xf>
    <xf numFmtId="183" fontId="2" fillId="3" borderId="0" xfId="0" applyNumberFormat="1" applyFont="1" applyFill="1" applyBorder="1" applyAlignment="1">
      <alignment vertical="center"/>
    </xf>
    <xf numFmtId="181" fontId="2" fillId="3" borderId="0" xfId="0" applyNumberFormat="1" applyFont="1" applyFill="1" applyBorder="1" applyAlignment="1">
      <alignment vertical="center"/>
    </xf>
    <xf numFmtId="184" fontId="2" fillId="3" borderId="0" xfId="0" applyNumberFormat="1" applyFont="1" applyFill="1" applyBorder="1" applyAlignment="1">
      <alignment vertical="center"/>
    </xf>
    <xf numFmtId="0" fontId="9" fillId="0" borderId="0" xfId="0" applyFont="1" applyFill="1" applyBorder="1" applyAlignment="1">
      <alignment horizontal="distributed" vertical="center"/>
    </xf>
    <xf numFmtId="182" fontId="2" fillId="0" borderId="7" xfId="0" applyNumberFormat="1" applyFont="1" applyFill="1" applyBorder="1" applyAlignment="1">
      <alignment vertical="center"/>
    </xf>
    <xf numFmtId="182" fontId="2" fillId="0" borderId="0" xfId="0" applyNumberFormat="1" applyFont="1" applyFill="1" applyBorder="1" applyAlignment="1">
      <alignment vertical="center"/>
    </xf>
    <xf numFmtId="183" fontId="2" fillId="0" borderId="0" xfId="0" applyNumberFormat="1" applyFont="1" applyFill="1" applyBorder="1" applyAlignment="1">
      <alignment vertical="center"/>
    </xf>
    <xf numFmtId="181" fontId="2" fillId="0" borderId="0" xfId="0" applyNumberFormat="1" applyFont="1" applyFill="1" applyBorder="1" applyAlignment="1">
      <alignment vertical="center"/>
    </xf>
    <xf numFmtId="184" fontId="2" fillId="0" borderId="0" xfId="0" applyNumberFormat="1" applyFont="1" applyFill="1" applyBorder="1" applyAlignment="1">
      <alignment vertical="center"/>
    </xf>
    <xf numFmtId="0" fontId="13" fillId="0" borderId="4" xfId="0" applyFont="1" applyFill="1" applyBorder="1" applyAlignment="1">
      <alignment horizontal="center" vertical="center"/>
    </xf>
    <xf numFmtId="0" fontId="13" fillId="0" borderId="6" xfId="0" applyFont="1" applyFill="1" applyBorder="1" applyAlignment="1">
      <alignment horizontal="center" vertical="center"/>
    </xf>
    <xf numFmtId="0" fontId="13" fillId="0" borderId="10" xfId="0" applyFont="1" applyFill="1" applyBorder="1" applyAlignment="1">
      <alignment horizontal="center" vertical="center"/>
    </xf>
    <xf numFmtId="0" fontId="13" fillId="0" borderId="11" xfId="0" applyFont="1" applyFill="1" applyBorder="1" applyAlignment="1">
      <alignment horizontal="center" vertical="center"/>
    </xf>
    <xf numFmtId="0" fontId="13" fillId="0" borderId="5" xfId="0" applyFont="1" applyBorder="1" applyAlignment="1">
      <alignment horizontal="center" vertical="center"/>
    </xf>
    <xf numFmtId="0" fontId="13" fillId="0" borderId="3" xfId="0" applyFont="1" applyBorder="1" applyAlignment="1">
      <alignment horizontal="center" vertical="center"/>
    </xf>
    <xf numFmtId="0" fontId="13" fillId="0" borderId="7" xfId="0" applyFont="1" applyBorder="1" applyAlignment="1">
      <alignment horizontal="center" vertical="center"/>
    </xf>
    <xf numFmtId="0" fontId="13" fillId="0" borderId="0" xfId="0" applyFont="1" applyBorder="1" applyAlignment="1">
      <alignment horizontal="center" vertical="center"/>
    </xf>
    <xf numFmtId="0" fontId="13" fillId="0" borderId="6" xfId="0" applyFont="1" applyBorder="1" applyAlignment="1">
      <alignment horizontal="center" vertical="center"/>
    </xf>
    <xf numFmtId="0" fontId="13" fillId="0" borderId="17" xfId="0" applyFont="1" applyBorder="1" applyAlignment="1">
      <alignment horizontal="center" vertical="center"/>
    </xf>
    <xf numFmtId="0" fontId="13" fillId="0" borderId="8" xfId="0" applyFont="1" applyBorder="1" applyAlignment="1">
      <alignment horizontal="center" vertical="center"/>
    </xf>
    <xf numFmtId="0" fontId="18" fillId="0" borderId="11" xfId="0" applyFont="1" applyFill="1" applyBorder="1" applyAlignment="1">
      <alignment horizontal="right" vertical="center"/>
    </xf>
    <xf numFmtId="0" fontId="18" fillId="0" borderId="18" xfId="0" applyFont="1" applyFill="1" applyBorder="1" applyAlignment="1">
      <alignment horizontal="right" vertical="center"/>
    </xf>
    <xf numFmtId="0" fontId="18" fillId="0" borderId="12" xfId="0" applyFont="1" applyFill="1" applyBorder="1" applyAlignment="1">
      <alignment horizontal="right" vertical="center"/>
    </xf>
    <xf numFmtId="0" fontId="3" fillId="0" borderId="0" xfId="0" applyFont="1" applyBorder="1" applyAlignment="1">
      <alignment horizontal="right" vertical="center"/>
    </xf>
    <xf numFmtId="186" fontId="2" fillId="3" borderId="0" xfId="0" applyNumberFormat="1" applyFont="1" applyFill="1" applyBorder="1" applyAlignment="1">
      <alignment vertical="center"/>
    </xf>
    <xf numFmtId="187" fontId="2" fillId="3" borderId="0" xfId="0" applyNumberFormat="1" applyFont="1" applyFill="1" applyBorder="1" applyAlignment="1">
      <alignment vertical="center"/>
    </xf>
    <xf numFmtId="188" fontId="2" fillId="3" borderId="0" xfId="0" applyNumberFormat="1" applyFont="1" applyFill="1" applyBorder="1" applyAlignment="1">
      <alignment vertical="center"/>
    </xf>
    <xf numFmtId="189" fontId="2" fillId="3" borderId="0" xfId="0" applyNumberFormat="1" applyFont="1" applyFill="1" applyBorder="1" applyAlignment="1">
      <alignment vertical="center"/>
    </xf>
    <xf numFmtId="186" fontId="2" fillId="0" borderId="0" xfId="0" applyNumberFormat="1" applyFont="1" applyFill="1" applyBorder="1" applyAlignment="1">
      <alignment vertical="center"/>
    </xf>
    <xf numFmtId="187" fontId="2" fillId="0" borderId="0" xfId="0" applyNumberFormat="1" applyFont="1" applyFill="1" applyBorder="1" applyAlignment="1">
      <alignment vertical="center"/>
    </xf>
    <xf numFmtId="188" fontId="2" fillId="0" borderId="0" xfId="0" applyNumberFormat="1" applyFont="1" applyFill="1" applyBorder="1" applyAlignment="1">
      <alignment vertical="center"/>
    </xf>
    <xf numFmtId="189" fontId="2" fillId="0" borderId="0" xfId="0" applyNumberFormat="1" applyFont="1" applyFill="1" applyBorder="1" applyAlignment="1">
      <alignment vertical="center"/>
    </xf>
    <xf numFmtId="0" fontId="13" fillId="0" borderId="21" xfId="0" applyFont="1" applyBorder="1" applyAlignment="1">
      <alignment horizontal="center" vertical="center"/>
    </xf>
    <xf numFmtId="0" fontId="13" fillId="0" borderId="16" xfId="0" applyFont="1" applyBorder="1" applyAlignment="1">
      <alignment horizontal="center" vertical="center"/>
    </xf>
    <xf numFmtId="0" fontId="13" fillId="0" borderId="9" xfId="0" applyFont="1" applyBorder="1" applyAlignment="1">
      <alignment horizontal="center" vertical="center"/>
    </xf>
    <xf numFmtId="0" fontId="13" fillId="0" borderId="22" xfId="0" applyFont="1" applyBorder="1" applyAlignment="1">
      <alignment horizontal="center" vertical="center"/>
    </xf>
    <xf numFmtId="190" fontId="2" fillId="3" borderId="0" xfId="0" applyNumberFormat="1" applyFont="1" applyFill="1" applyBorder="1" applyAlignment="1">
      <alignment vertical="center"/>
    </xf>
    <xf numFmtId="191" fontId="2" fillId="3" borderId="0" xfId="0" applyNumberFormat="1" applyFont="1" applyFill="1" applyBorder="1" applyAlignment="1">
      <alignment vertical="center"/>
    </xf>
    <xf numFmtId="190" fontId="2" fillId="0" borderId="0" xfId="0" applyNumberFormat="1" applyFont="1" applyFill="1" applyBorder="1" applyAlignment="1">
      <alignment vertical="center"/>
    </xf>
    <xf numFmtId="191" fontId="2" fillId="0" borderId="0" xfId="0" applyNumberFormat="1" applyFont="1" applyFill="1" applyBorder="1" applyAlignment="1">
      <alignment vertical="center"/>
    </xf>
    <xf numFmtId="0" fontId="13" fillId="0" borderId="3" xfId="0" applyFont="1" applyFill="1" applyBorder="1" applyAlignment="1">
      <alignment horizontal="distributed" vertical="center"/>
    </xf>
    <xf numFmtId="0" fontId="13" fillId="0" borderId="10" xfId="0" applyFont="1" applyFill="1" applyBorder="1" applyAlignment="1">
      <alignment horizontal="distributed" vertical="center"/>
    </xf>
    <xf numFmtId="176" fontId="5" fillId="0" borderId="8" xfId="0" applyNumberFormat="1" applyFont="1" applyFill="1" applyBorder="1" applyAlignment="1">
      <alignment horizontal="center" vertical="center"/>
    </xf>
    <xf numFmtId="176" fontId="5" fillId="0" borderId="7" xfId="0" applyNumberFormat="1" applyFont="1" applyFill="1" applyBorder="1" applyAlignment="1">
      <alignment horizontal="center" vertical="center"/>
    </xf>
    <xf numFmtId="176" fontId="5" fillId="0" borderId="12" xfId="0" applyNumberFormat="1" applyFont="1" applyFill="1" applyBorder="1" applyAlignment="1">
      <alignment horizontal="center" vertical="center"/>
    </xf>
    <xf numFmtId="0" fontId="20" fillId="0" borderId="8" xfId="0" applyFont="1" applyFill="1" applyBorder="1" applyAlignment="1">
      <alignment horizontal="center" vertical="center" wrapText="1"/>
    </xf>
    <xf numFmtId="0" fontId="20" fillId="0" borderId="7" xfId="0" applyFont="1" applyFill="1" applyBorder="1" applyAlignment="1">
      <alignment horizontal="center" vertical="center"/>
    </xf>
    <xf numFmtId="0" fontId="5" fillId="0" borderId="17" xfId="0" applyFont="1" applyFill="1" applyBorder="1" applyAlignment="1">
      <alignment horizontal="center" vertical="center" wrapText="1"/>
    </xf>
    <xf numFmtId="0" fontId="5" fillId="0" borderId="25" xfId="0" applyFont="1" applyFill="1" applyBorder="1" applyAlignment="1">
      <alignment horizontal="center" vertical="center" wrapText="1"/>
    </xf>
    <xf numFmtId="49" fontId="8" fillId="0" borderId="0" xfId="0" applyNumberFormat="1" applyFont="1" applyFill="1" applyAlignment="1">
      <alignment vertical="center" textRotation="180"/>
    </xf>
    <xf numFmtId="0" fontId="10" fillId="0" borderId="0" xfId="0" applyFont="1" applyFill="1" applyAlignment="1">
      <alignment horizontal="left" vertical="center"/>
    </xf>
    <xf numFmtId="0" fontId="7" fillId="0" borderId="0" xfId="0" applyFont="1" applyFill="1" applyAlignment="1"/>
    <xf numFmtId="0" fontId="7" fillId="0" borderId="0" xfId="0" applyFont="1" applyFill="1" applyBorder="1" applyAlignment="1">
      <alignment horizontal="right"/>
    </xf>
    <xf numFmtId="0" fontId="13" fillId="0" borderId="3" xfId="0" applyFont="1" applyFill="1" applyBorder="1" applyAlignment="1"/>
    <xf numFmtId="0" fontId="13" fillId="0" borderId="10" xfId="0" applyFont="1" applyFill="1" applyBorder="1" applyAlignment="1"/>
    <xf numFmtId="0" fontId="5" fillId="0" borderId="17" xfId="0" applyFont="1" applyFill="1" applyBorder="1" applyAlignment="1">
      <alignment horizontal="center" vertical="center"/>
    </xf>
    <xf numFmtId="0" fontId="5" fillId="0" borderId="25" xfId="0" applyFont="1" applyFill="1" applyBorder="1" applyAlignment="1">
      <alignment horizontal="center" vertical="center"/>
    </xf>
    <xf numFmtId="0" fontId="13" fillId="0" borderId="12" xfId="0" applyFont="1" applyFill="1" applyBorder="1" applyAlignment="1">
      <alignment horizontal="center" vertical="center"/>
    </xf>
    <xf numFmtId="0" fontId="10" fillId="0" borderId="0" xfId="0" applyFont="1" applyFill="1" applyAlignment="1"/>
    <xf numFmtId="0" fontId="13" fillId="0" borderId="3" xfId="0" applyFont="1" applyBorder="1" applyAlignment="1">
      <alignment vertical="center"/>
    </xf>
    <xf numFmtId="0" fontId="13" fillId="0" borderId="10" xfId="0" applyFont="1" applyBorder="1" applyAlignment="1">
      <alignment vertical="center"/>
    </xf>
    <xf numFmtId="0" fontId="13" fillId="0" borderId="3" xfId="0" applyFont="1" applyBorder="1" applyAlignment="1">
      <alignment horizontal="distributed" vertical="center"/>
    </xf>
    <xf numFmtId="0" fontId="0" fillId="0" borderId="3" xfId="0" applyBorder="1" applyAlignment="1">
      <alignment horizontal="distributed"/>
    </xf>
    <xf numFmtId="0" fontId="0" fillId="0" borderId="10" xfId="0" applyBorder="1" applyAlignment="1">
      <alignment horizontal="distributed"/>
    </xf>
    <xf numFmtId="0" fontId="13" fillId="0" borderId="10" xfId="0" applyFont="1" applyBorder="1" applyAlignment="1">
      <alignment horizontal="distributed" vertical="center"/>
    </xf>
    <xf numFmtId="176" fontId="5" fillId="0" borderId="17" xfId="0" applyNumberFormat="1" applyFont="1" applyBorder="1" applyAlignment="1">
      <alignment horizontal="center" vertical="center"/>
    </xf>
    <xf numFmtId="176" fontId="5" fillId="0" borderId="25" xfId="0" applyNumberFormat="1" applyFont="1" applyBorder="1" applyAlignment="1">
      <alignment horizontal="center" vertical="center"/>
    </xf>
    <xf numFmtId="176" fontId="5" fillId="0" borderId="18" xfId="0" applyNumberFormat="1" applyFont="1" applyBorder="1" applyAlignment="1">
      <alignment horizontal="center" vertical="center"/>
    </xf>
    <xf numFmtId="0" fontId="5" fillId="0" borderId="8" xfId="0" applyFont="1" applyBorder="1" applyAlignment="1">
      <alignment horizontal="left" vertical="center"/>
    </xf>
    <xf numFmtId="0" fontId="5" fillId="0" borderId="9" xfId="0" applyFont="1" applyBorder="1" applyAlignment="1">
      <alignment horizontal="left" vertical="center"/>
    </xf>
    <xf numFmtId="0" fontId="5" fillId="0" borderId="7" xfId="0" applyFont="1" applyBorder="1" applyAlignment="1">
      <alignment horizontal="left" vertical="center"/>
    </xf>
    <xf numFmtId="0" fontId="5" fillId="0" borderId="0" xfId="0" applyFont="1" applyBorder="1" applyAlignment="1">
      <alignment horizontal="left" vertical="center"/>
    </xf>
    <xf numFmtId="49" fontId="8" fillId="0" borderId="0" xfId="0" applyNumberFormat="1" applyFont="1" applyAlignment="1">
      <alignment vertical="center" textRotation="180"/>
    </xf>
    <xf numFmtId="0" fontId="10" fillId="0" borderId="0" xfId="0" applyFont="1" applyAlignment="1">
      <alignment horizontal="left" vertical="center"/>
    </xf>
    <xf numFmtId="0" fontId="7" fillId="0" borderId="0" xfId="0" applyFont="1" applyAlignment="1"/>
    <xf numFmtId="0" fontId="7" fillId="0" borderId="0" xfId="0" applyFont="1" applyBorder="1" applyAlignment="1">
      <alignment horizontal="right"/>
    </xf>
    <xf numFmtId="0" fontId="13" fillId="0" borderId="4" xfId="0" applyFont="1" applyBorder="1" applyAlignment="1">
      <alignment horizontal="center" vertical="center"/>
    </xf>
    <xf numFmtId="0" fontId="13" fillId="0" borderId="10" xfId="0" applyFont="1" applyBorder="1" applyAlignment="1">
      <alignment horizontal="center" vertical="center"/>
    </xf>
    <xf numFmtId="0" fontId="13" fillId="0" borderId="11" xfId="0" applyFont="1" applyBorder="1" applyAlignment="1">
      <alignment horizontal="center" vertical="center"/>
    </xf>
    <xf numFmtId="0" fontId="13" fillId="0" borderId="3" xfId="0" applyFont="1" applyFill="1" applyBorder="1" applyAlignment="1">
      <alignment vertical="center"/>
    </xf>
    <xf numFmtId="0" fontId="13" fillId="0" borderId="10" xfId="0" applyFont="1" applyFill="1" applyBorder="1" applyAlignment="1">
      <alignment vertical="center"/>
    </xf>
    <xf numFmtId="176" fontId="5" fillId="0" borderId="17" xfId="0" applyNumberFormat="1" applyFont="1" applyFill="1" applyBorder="1" applyAlignment="1">
      <alignment horizontal="center" vertical="center"/>
    </xf>
    <xf numFmtId="176" fontId="5" fillId="0" borderId="25" xfId="0" applyNumberFormat="1" applyFont="1" applyFill="1" applyBorder="1" applyAlignment="1">
      <alignment horizontal="center" vertical="center"/>
    </xf>
    <xf numFmtId="176" fontId="5" fillId="0" borderId="18" xfId="0" applyNumberFormat="1" applyFont="1" applyFill="1" applyBorder="1" applyAlignment="1">
      <alignment horizontal="center" vertical="center"/>
    </xf>
    <xf numFmtId="0" fontId="5" fillId="0" borderId="8" xfId="0" applyFont="1" applyFill="1" applyBorder="1" applyAlignment="1">
      <alignment horizontal="left" vertical="center"/>
    </xf>
    <xf numFmtId="0" fontId="5" fillId="0" borderId="9" xfId="0" applyFont="1" applyFill="1" applyBorder="1" applyAlignment="1">
      <alignment horizontal="left" vertical="center"/>
    </xf>
    <xf numFmtId="0" fontId="5" fillId="0" borderId="7" xfId="0" applyFont="1" applyFill="1" applyBorder="1" applyAlignment="1">
      <alignment horizontal="left" vertical="center"/>
    </xf>
    <xf numFmtId="0" fontId="5" fillId="0" borderId="0" xfId="0" applyFont="1" applyFill="1" applyBorder="1" applyAlignment="1">
      <alignment horizontal="left" vertical="center"/>
    </xf>
    <xf numFmtId="176" fontId="20" fillId="0" borderId="8" xfId="0" applyNumberFormat="1" applyFont="1" applyFill="1" applyBorder="1" applyAlignment="1">
      <alignment horizontal="center" vertical="center" wrapText="1"/>
    </xf>
    <xf numFmtId="0" fontId="20" fillId="0" borderId="7" xfId="0" applyFont="1" applyFill="1" applyBorder="1" applyAlignment="1">
      <alignment horizontal="center" vertical="center" wrapText="1"/>
    </xf>
    <xf numFmtId="0" fontId="13" fillId="0" borderId="4" xfId="0" applyFont="1" applyFill="1" applyBorder="1" applyAlignment="1"/>
    <xf numFmtId="0" fontId="13" fillId="0" borderId="12" xfId="0" applyFont="1" applyFill="1" applyBorder="1" applyAlignment="1"/>
    <xf numFmtId="0" fontId="13" fillId="0" borderId="11" xfId="0" applyFont="1" applyFill="1" applyBorder="1" applyAlignment="1"/>
    <xf numFmtId="0" fontId="5" fillId="0" borderId="26" xfId="0" applyFont="1" applyFill="1" applyBorder="1" applyAlignment="1">
      <alignment horizontal="center" vertical="center"/>
    </xf>
    <xf numFmtId="0" fontId="5" fillId="0" borderId="24" xfId="0" applyFont="1" applyFill="1" applyBorder="1" applyAlignment="1">
      <alignment horizontal="center" vertical="center"/>
    </xf>
    <xf numFmtId="0" fontId="5" fillId="0" borderId="8" xfId="0" applyFont="1" applyFill="1" applyBorder="1" applyAlignment="1">
      <alignment horizontal="center" vertical="center"/>
    </xf>
    <xf numFmtId="0" fontId="5" fillId="0" borderId="9" xfId="0" applyFont="1" applyFill="1" applyBorder="1" applyAlignment="1">
      <alignment horizontal="center" vertical="center"/>
    </xf>
    <xf numFmtId="0" fontId="7" fillId="0" borderId="0" xfId="0" applyFont="1" applyBorder="1" applyAlignment="1">
      <alignment vertical="distributed"/>
    </xf>
    <xf numFmtId="0" fontId="13" fillId="0" borderId="3" xfId="0" applyFont="1" applyFill="1" applyBorder="1" applyAlignment="1">
      <alignment horizontal="distributed" vertical="distributed"/>
    </xf>
    <xf numFmtId="0" fontId="13" fillId="0" borderId="10" xfId="0" applyFont="1" applyFill="1" applyBorder="1" applyAlignment="1">
      <alignment horizontal="distributed" vertical="distributed"/>
    </xf>
    <xf numFmtId="0" fontId="5" fillId="0" borderId="22" xfId="0" applyFont="1" applyFill="1" applyBorder="1" applyAlignment="1">
      <alignment horizontal="center" vertical="center"/>
    </xf>
    <xf numFmtId="0" fontId="18" fillId="0" borderId="10" xfId="0" applyFont="1" applyBorder="1" applyAlignment="1">
      <alignment horizontal="right" vertical="center"/>
    </xf>
    <xf numFmtId="0" fontId="18" fillId="0" borderId="11" xfId="0" applyFont="1" applyBorder="1" applyAlignment="1">
      <alignment horizontal="right" vertical="center"/>
    </xf>
    <xf numFmtId="0" fontId="5" fillId="0" borderId="29" xfId="0" applyFont="1" applyFill="1" applyBorder="1" applyAlignment="1">
      <alignment horizontal="center" vertical="center"/>
    </xf>
    <xf numFmtId="0" fontId="5" fillId="0" borderId="8" xfId="0" applyFont="1" applyBorder="1" applyAlignment="1">
      <alignment horizontal="center" vertical="center"/>
    </xf>
    <xf numFmtId="0" fontId="5" fillId="0" borderId="22" xfId="0" applyFont="1" applyBorder="1" applyAlignment="1">
      <alignment horizontal="center" vertical="center"/>
    </xf>
    <xf numFmtId="0" fontId="7" fillId="0" borderId="0" xfId="0" applyFont="1" applyAlignment="1">
      <alignment horizontal="distributed" vertical="distributed"/>
    </xf>
    <xf numFmtId="0" fontId="8" fillId="0" borderId="0" xfId="0" applyFont="1" applyAlignment="1"/>
    <xf numFmtId="0" fontId="5" fillId="0" borderId="9" xfId="0" applyFont="1" applyBorder="1" applyAlignment="1">
      <alignment horizontal="center" vertical="center"/>
    </xf>
    <xf numFmtId="0" fontId="5" fillId="0" borderId="7" xfId="0" applyFont="1" applyFill="1" applyBorder="1" applyAlignment="1">
      <alignment horizontal="distributed" vertical="distributed" shrinkToFit="1"/>
    </xf>
    <xf numFmtId="0" fontId="5" fillId="0" borderId="6" xfId="0" applyFont="1" applyFill="1" applyBorder="1" applyAlignment="1">
      <alignment horizontal="distributed" vertical="distributed" shrinkToFit="1"/>
    </xf>
    <xf numFmtId="0" fontId="5" fillId="0" borderId="7" xfId="0" applyFont="1" applyBorder="1" applyAlignment="1">
      <alignment horizontal="distributed" vertical="distributed" shrinkToFit="1"/>
    </xf>
    <xf numFmtId="0" fontId="4" fillId="0" borderId="6" xfId="0" applyFont="1" applyBorder="1" applyAlignment="1">
      <alignment shrinkToFit="1"/>
    </xf>
    <xf numFmtId="0" fontId="5" fillId="0" borderId="7" xfId="0" applyFont="1" applyBorder="1" applyAlignment="1">
      <alignment vertical="center" shrinkToFit="1"/>
    </xf>
    <xf numFmtId="0" fontId="4" fillId="0" borderId="6" xfId="0" applyFont="1" applyBorder="1" applyAlignment="1">
      <alignment vertical="center" shrinkToFit="1"/>
    </xf>
    <xf numFmtId="0" fontId="4" fillId="0" borderId="6" xfId="0" applyFont="1" applyBorder="1" applyAlignment="1">
      <alignment horizontal="distributed" vertical="distributed" shrinkToFit="1"/>
    </xf>
    <xf numFmtId="0" fontId="7" fillId="0" borderId="0" xfId="0" applyFont="1" applyBorder="1" applyAlignment="1">
      <alignment horizontal="distributed" vertical="distributed"/>
    </xf>
    <xf numFmtId="0" fontId="19" fillId="0" borderId="3" xfId="0" applyFont="1" applyBorder="1" applyAlignment="1"/>
    <xf numFmtId="0" fontId="19" fillId="0" borderId="4" xfId="0" applyFont="1" applyBorder="1" applyAlignment="1"/>
    <xf numFmtId="0" fontId="19" fillId="0" borderId="0" xfId="0" applyFont="1" applyBorder="1" applyAlignment="1"/>
    <xf numFmtId="0" fontId="19" fillId="0" borderId="6" xfId="0" applyFont="1" applyBorder="1" applyAlignment="1"/>
    <xf numFmtId="0" fontId="19" fillId="0" borderId="10" xfId="0" applyFont="1" applyBorder="1" applyAlignment="1"/>
    <xf numFmtId="0" fontId="19" fillId="0" borderId="11" xfId="0" applyFont="1" applyBorder="1" applyAlignment="1"/>
    <xf numFmtId="0" fontId="5" fillId="0" borderId="30" xfId="0" applyFont="1" applyFill="1" applyBorder="1" applyAlignment="1">
      <alignment horizontal="distributed" vertical="distributed" shrinkToFit="1"/>
    </xf>
    <xf numFmtId="0" fontId="5" fillId="0" borderId="0" xfId="0" applyFont="1" applyFill="1" applyBorder="1" applyAlignment="1">
      <alignment horizontal="distributed" vertical="distributed" shrinkToFit="1"/>
    </xf>
    <xf numFmtId="0" fontId="4" fillId="0" borderId="0" xfId="0" applyFont="1" applyBorder="1" applyAlignment="1">
      <alignment horizontal="distributed" vertical="distributed" shrinkToFit="1"/>
    </xf>
    <xf numFmtId="0" fontId="5" fillId="0" borderId="7" xfId="0" applyFont="1" applyFill="1" applyBorder="1" applyAlignment="1">
      <alignment vertical="center" shrinkToFit="1"/>
    </xf>
    <xf numFmtId="0" fontId="4" fillId="0" borderId="6" xfId="0" applyFont="1" applyFill="1" applyBorder="1" applyAlignment="1">
      <alignment vertical="center" shrinkToFit="1"/>
    </xf>
    <xf numFmtId="0" fontId="5" fillId="0" borderId="7" xfId="0" applyFont="1" applyBorder="1" applyAlignment="1">
      <alignment horizontal="distributed" shrinkToFit="1"/>
    </xf>
    <xf numFmtId="49" fontId="5" fillId="0" borderId="7" xfId="0" applyNumberFormat="1" applyFont="1" applyBorder="1" applyAlignment="1">
      <alignment horizontal="distributed" vertical="distributed" shrinkToFit="1"/>
    </xf>
    <xf numFmtId="0" fontId="4" fillId="0" borderId="6" xfId="0" applyFont="1" applyFill="1" applyBorder="1" applyAlignment="1">
      <alignment shrinkToFit="1"/>
    </xf>
    <xf numFmtId="0" fontId="22" fillId="0" borderId="7" xfId="0" applyFont="1" applyFill="1" applyBorder="1" applyAlignment="1">
      <alignment horizontal="left" wrapText="1"/>
    </xf>
    <xf numFmtId="0" fontId="22" fillId="0" borderId="6" xfId="0" applyFont="1" applyFill="1" applyBorder="1" applyAlignment="1">
      <alignment horizontal="left" wrapText="1"/>
    </xf>
    <xf numFmtId="0" fontId="4" fillId="0" borderId="0" xfId="0" applyFont="1" applyBorder="1" applyAlignment="1">
      <alignment shrinkToFit="1"/>
    </xf>
    <xf numFmtId="0" fontId="22" fillId="0" borderId="30" xfId="0" applyFont="1" applyFill="1" applyBorder="1" applyAlignment="1">
      <alignment horizontal="left" wrapText="1"/>
    </xf>
    <xf numFmtId="0" fontId="22" fillId="0" borderId="0" xfId="0" applyFont="1" applyFill="1" applyBorder="1" applyAlignment="1">
      <alignment horizontal="left" wrapText="1"/>
    </xf>
    <xf numFmtId="49" fontId="13" fillId="0" borderId="9" xfId="0" applyNumberFormat="1" applyFont="1" applyBorder="1" applyAlignment="1">
      <alignment horizontal="center" vertical="center" textRotation="255"/>
    </xf>
    <xf numFmtId="0" fontId="13" fillId="0" borderId="0" xfId="0" applyFont="1" applyBorder="1" applyAlignment="1"/>
    <xf numFmtId="0" fontId="13" fillId="0" borderId="10" xfId="0" applyFont="1" applyBorder="1" applyAlignment="1"/>
    <xf numFmtId="0" fontId="13" fillId="0" borderId="0" xfId="0" applyFont="1" applyBorder="1" applyAlignment="1">
      <alignment horizontal="center" textRotation="255"/>
    </xf>
    <xf numFmtId="0" fontId="13" fillId="0" borderId="0" xfId="0" applyFont="1" applyBorder="1" applyAlignment="1">
      <alignment horizontal="center" vertical="top" textRotation="255"/>
    </xf>
    <xf numFmtId="0" fontId="7" fillId="0" borderId="0" xfId="0" applyFont="1" applyBorder="1" applyAlignment="1">
      <alignment vertical="center"/>
    </xf>
    <xf numFmtId="0" fontId="11" fillId="0" borderId="0" xfId="0" applyFont="1" applyBorder="1" applyAlignment="1">
      <alignment vertical="center"/>
    </xf>
    <xf numFmtId="0" fontId="8" fillId="0" borderId="0" xfId="0" applyFont="1" applyBorder="1" applyAlignment="1">
      <alignment vertical="center"/>
    </xf>
    <xf numFmtId="49" fontId="7" fillId="0" borderId="0" xfId="0" applyNumberFormat="1" applyFont="1" applyBorder="1" applyAlignment="1">
      <alignment vertical="top" wrapText="1"/>
    </xf>
    <xf numFmtId="0" fontId="7" fillId="0" borderId="3" xfId="0" applyFont="1" applyBorder="1" applyAlignment="1">
      <alignment vertical="center" wrapText="1"/>
    </xf>
    <xf numFmtId="0" fontId="13" fillId="0" borderId="0" xfId="0" applyFont="1" applyBorder="1" applyAlignment="1">
      <alignment vertical="center" textRotation="255"/>
    </xf>
    <xf numFmtId="0" fontId="13" fillId="0" borderId="10" xfId="0" applyFont="1" applyBorder="1" applyAlignment="1">
      <alignment vertical="center" textRotation="255"/>
    </xf>
    <xf numFmtId="0" fontId="25" fillId="0" borderId="0" xfId="4" applyFont="1" applyFill="1"/>
    <xf numFmtId="0" fontId="26" fillId="0" borderId="0" xfId="4" applyFont="1" applyFill="1" applyAlignment="1">
      <alignment horizontal="left" vertical="center"/>
    </xf>
    <xf numFmtId="0" fontId="26" fillId="0" borderId="0" xfId="4" quotePrefix="1" applyFont="1" applyFill="1" applyAlignment="1">
      <alignment horizontal="left" vertical="center"/>
    </xf>
    <xf numFmtId="0" fontId="25" fillId="0" borderId="0" xfId="4" applyFont="1" applyFill="1" applyAlignment="1">
      <alignment horizontal="centerContinuous"/>
    </xf>
    <xf numFmtId="0" fontId="25" fillId="0" borderId="0" xfId="4" applyFont="1" applyFill="1" applyBorder="1"/>
    <xf numFmtId="0" fontId="29" fillId="0" borderId="0" xfId="5" applyFont="1" applyAlignment="1">
      <alignment horizontal="left"/>
    </xf>
    <xf numFmtId="0" fontId="28" fillId="0" borderId="0" xfId="5" applyAlignment="1"/>
    <xf numFmtId="0" fontId="29" fillId="0" borderId="0" xfId="5" applyFont="1" applyAlignment="1"/>
    <xf numFmtId="0" fontId="30" fillId="0" borderId="0" xfId="4" quotePrefix="1" applyFont="1" applyFill="1" applyBorder="1" applyAlignment="1"/>
    <xf numFmtId="0" fontId="25" fillId="0" borderId="0" xfId="4" applyFont="1" applyFill="1" applyBorder="1" applyAlignment="1">
      <alignment horizontal="center"/>
    </xf>
    <xf numFmtId="0" fontId="31" fillId="0" borderId="0" xfId="4" quotePrefix="1" applyFont="1" applyFill="1" applyBorder="1" applyAlignment="1">
      <alignment horizontal="left"/>
    </xf>
    <xf numFmtId="0" fontId="31" fillId="0" borderId="0" xfId="4" quotePrefix="1" applyFont="1" applyFill="1" applyBorder="1" applyAlignment="1">
      <alignment horizontal="left"/>
    </xf>
    <xf numFmtId="0" fontId="4" fillId="0" borderId="0" xfId="4" applyFont="1" applyFill="1"/>
    <xf numFmtId="0" fontId="4" fillId="0" borderId="0" xfId="4" quotePrefix="1" applyFont="1" applyFill="1" applyAlignment="1">
      <alignment horizontal="left"/>
    </xf>
    <xf numFmtId="0" fontId="4" fillId="0" borderId="8" xfId="4" applyFont="1" applyFill="1" applyBorder="1" applyAlignment="1">
      <alignment horizontal="center" vertical="center"/>
    </xf>
    <xf numFmtId="0" fontId="4" fillId="0" borderId="22" xfId="4" applyFont="1" applyFill="1" applyBorder="1" applyAlignment="1">
      <alignment horizontal="center" vertical="center"/>
    </xf>
    <xf numFmtId="0" fontId="4" fillId="0" borderId="26" xfId="4" applyFont="1" applyFill="1" applyBorder="1" applyAlignment="1">
      <alignment horizontal="center" vertical="center"/>
    </xf>
    <xf numFmtId="0" fontId="4" fillId="0" borderId="1" xfId="4" applyFont="1" applyFill="1" applyBorder="1" applyAlignment="1">
      <alignment horizontal="center" vertical="center"/>
    </xf>
    <xf numFmtId="0" fontId="4" fillId="0" borderId="24" xfId="4" applyFont="1" applyFill="1" applyBorder="1" applyAlignment="1">
      <alignment horizontal="center" vertical="center"/>
    </xf>
    <xf numFmtId="0" fontId="4" fillId="0" borderId="7" xfId="4" applyFont="1" applyFill="1" applyBorder="1" applyAlignment="1">
      <alignment horizontal="center" vertical="center"/>
    </xf>
    <xf numFmtId="0" fontId="4" fillId="0" borderId="6" xfId="4" applyFont="1" applyFill="1" applyBorder="1" applyAlignment="1">
      <alignment horizontal="center" vertical="center"/>
    </xf>
    <xf numFmtId="0" fontId="4" fillId="0" borderId="8" xfId="4" applyFont="1" applyFill="1" applyBorder="1" applyAlignment="1">
      <alignment horizontal="center" vertical="center" wrapText="1"/>
    </xf>
    <xf numFmtId="0" fontId="4" fillId="0" borderId="17" xfId="4" applyFont="1" applyFill="1" applyBorder="1" applyAlignment="1">
      <alignment horizontal="center" vertical="center" wrapText="1"/>
    </xf>
    <xf numFmtId="0" fontId="4" fillId="0" borderId="12" xfId="4" applyFont="1" applyFill="1" applyBorder="1" applyAlignment="1">
      <alignment horizontal="center" vertical="center"/>
    </xf>
    <xf numFmtId="0" fontId="4" fillId="0" borderId="11" xfId="4" applyFont="1" applyFill="1" applyBorder="1" applyAlignment="1">
      <alignment horizontal="center" vertical="center"/>
    </xf>
    <xf numFmtId="0" fontId="4" fillId="0" borderId="12" xfId="4" applyFont="1" applyFill="1" applyBorder="1" applyAlignment="1">
      <alignment horizontal="center" vertical="center" wrapText="1"/>
    </xf>
    <xf numFmtId="0" fontId="4" fillId="0" borderId="18" xfId="4" applyFont="1" applyFill="1" applyBorder="1" applyAlignment="1">
      <alignment horizontal="center" vertical="center" wrapText="1"/>
    </xf>
    <xf numFmtId="0" fontId="4" fillId="0" borderId="8" xfId="4" applyFont="1" applyFill="1" applyBorder="1"/>
    <xf numFmtId="0" fontId="4" fillId="0" borderId="9" xfId="4" applyFont="1" applyFill="1" applyBorder="1"/>
    <xf numFmtId="0" fontId="4" fillId="0" borderId="8" xfId="4" applyFont="1" applyFill="1" applyBorder="1" applyAlignment="1">
      <alignment horizontal="center"/>
    </xf>
    <xf numFmtId="0" fontId="4" fillId="0" borderId="17" xfId="4" applyFont="1" applyFill="1" applyBorder="1" applyAlignment="1">
      <alignment horizontal="center"/>
    </xf>
    <xf numFmtId="0" fontId="4" fillId="0" borderId="7" xfId="4" applyFont="1" applyFill="1" applyBorder="1" applyAlignment="1">
      <alignment horizontal="centerContinuous"/>
    </xf>
    <xf numFmtId="0" fontId="4" fillId="0" borderId="33" xfId="4" applyFont="1" applyFill="1" applyBorder="1" applyAlignment="1">
      <alignment horizontal="centerContinuous"/>
    </xf>
    <xf numFmtId="0" fontId="4" fillId="0" borderId="7" xfId="4" applyFont="1" applyFill="1" applyBorder="1" applyAlignment="1">
      <alignment vertical="center"/>
    </xf>
    <xf numFmtId="0" fontId="4" fillId="0" borderId="25" xfId="4" applyFont="1" applyFill="1" applyBorder="1" applyAlignment="1">
      <alignment vertical="center"/>
    </xf>
    <xf numFmtId="0" fontId="4" fillId="0" borderId="0" xfId="4" applyFont="1" applyFill="1" applyBorder="1" applyAlignment="1">
      <alignment vertical="center"/>
    </xf>
    <xf numFmtId="0" fontId="4" fillId="0" borderId="34" xfId="4" quotePrefix="1" applyFont="1" applyFill="1" applyBorder="1" applyAlignment="1">
      <alignment horizontal="right"/>
    </xf>
    <xf numFmtId="0" fontId="4" fillId="0" borderId="35" xfId="4" applyFont="1" applyFill="1" applyBorder="1" applyAlignment="1">
      <alignment horizontal="right"/>
    </xf>
    <xf numFmtId="197" fontId="4" fillId="0" borderId="34" xfId="4" quotePrefix="1" applyNumberFormat="1" applyFont="1" applyFill="1" applyBorder="1" applyAlignment="1">
      <alignment horizontal="center"/>
    </xf>
    <xf numFmtId="197" fontId="4" fillId="0" borderId="36" xfId="4" quotePrefix="1" applyNumberFormat="1" applyFont="1" applyFill="1" applyBorder="1" applyAlignment="1">
      <alignment horizontal="center"/>
    </xf>
    <xf numFmtId="197" fontId="4" fillId="0" borderId="36" xfId="4" applyNumberFormat="1" applyFont="1" applyFill="1" applyBorder="1" applyAlignment="1">
      <alignment horizontal="center"/>
    </xf>
    <xf numFmtId="197" fontId="4" fillId="0" borderId="37" xfId="4" quotePrefix="1" applyNumberFormat="1" applyFont="1" applyFill="1" applyBorder="1" applyAlignment="1">
      <alignment horizontal="center"/>
    </xf>
    <xf numFmtId="0" fontId="4" fillId="0" borderId="36" xfId="4" applyNumberFormat="1" applyFont="1" applyFill="1" applyBorder="1" applyAlignment="1">
      <alignment horizontal="center"/>
    </xf>
    <xf numFmtId="0" fontId="4" fillId="0" borderId="7" xfId="4" quotePrefix="1" applyFont="1" applyFill="1" applyBorder="1" applyAlignment="1">
      <alignment horizontal="right"/>
    </xf>
    <xf numFmtId="0" fontId="4" fillId="0" borderId="6" xfId="4" applyFont="1" applyFill="1" applyBorder="1" applyAlignment="1">
      <alignment horizontal="right"/>
    </xf>
    <xf numFmtId="197" fontId="4" fillId="0" borderId="7" xfId="4" quotePrefix="1" applyNumberFormat="1" applyFont="1" applyFill="1" applyBorder="1" applyAlignment="1">
      <alignment horizontal="center"/>
    </xf>
    <xf numFmtId="197" fontId="4" fillId="0" borderId="25" xfId="4" quotePrefix="1" applyNumberFormat="1" applyFont="1" applyFill="1" applyBorder="1" applyAlignment="1">
      <alignment horizontal="center"/>
    </xf>
    <xf numFmtId="197" fontId="4" fillId="0" borderId="25" xfId="4" applyNumberFormat="1" applyFont="1" applyFill="1" applyBorder="1" applyAlignment="1">
      <alignment horizontal="center"/>
    </xf>
    <xf numFmtId="197" fontId="4" fillId="0" borderId="0" xfId="4" quotePrefix="1" applyNumberFormat="1" applyFont="1" applyFill="1" applyBorder="1" applyAlignment="1">
      <alignment horizontal="center"/>
    </xf>
    <xf numFmtId="0" fontId="4" fillId="0" borderId="0" xfId="4" quotePrefix="1" applyFont="1" applyFill="1" applyBorder="1" applyAlignment="1">
      <alignment horizontal="right"/>
    </xf>
    <xf numFmtId="0" fontId="4" fillId="0" borderId="25" xfId="4" quotePrefix="1" applyNumberFormat="1" applyFont="1" applyFill="1" applyBorder="1" applyAlignment="1">
      <alignment horizontal="center"/>
    </xf>
    <xf numFmtId="0" fontId="4" fillId="0" borderId="6" xfId="4" quotePrefix="1" applyFont="1" applyFill="1" applyBorder="1" applyAlignment="1">
      <alignment horizontal="right"/>
    </xf>
    <xf numFmtId="0" fontId="4" fillId="0" borderId="12" xfId="4" quotePrefix="1" applyFont="1" applyFill="1" applyBorder="1" applyAlignment="1">
      <alignment horizontal="right"/>
    </xf>
    <xf numFmtId="0" fontId="4" fillId="0" borderId="11" xfId="4" applyFont="1" applyFill="1" applyBorder="1" applyAlignment="1">
      <alignment horizontal="right"/>
    </xf>
    <xf numFmtId="197" fontId="4" fillId="0" borderId="18" xfId="4" quotePrefix="1" applyNumberFormat="1" applyFont="1" applyFill="1" applyBorder="1" applyAlignment="1">
      <alignment horizontal="center"/>
    </xf>
    <xf numFmtId="197" fontId="4" fillId="0" borderId="18" xfId="4" applyNumberFormat="1" applyFont="1" applyFill="1" applyBorder="1" applyAlignment="1">
      <alignment horizontal="center"/>
    </xf>
  </cellXfs>
  <cellStyles count="6">
    <cellStyle name="桁区切り 3" xfId="1"/>
    <cellStyle name="標準" xfId="0" builtinId="0"/>
    <cellStyle name="標準 2" xfId="2"/>
    <cellStyle name="標準 3" xfId="4"/>
    <cellStyle name="標準 4" xfId="5"/>
    <cellStyle name="標準_指数詳細" xfId="3"/>
  </cellStyles>
  <dxfs count="49">
    <dxf>
      <border>
        <bottom style="dotted">
          <color theme="0" tint="-0.499984740745262"/>
        </bottom>
      </border>
    </dxf>
    <dxf>
      <border>
        <bottom style="dotted">
          <color theme="0" tint="-0.499984740745262"/>
        </bottom>
      </border>
    </dxf>
    <dxf>
      <border>
        <bottom style="dotted">
          <color theme="0" tint="-0.499984740745262"/>
        </bottom>
      </border>
    </dxf>
    <dxf>
      <border>
        <bottom style="dotted">
          <color theme="0" tint="-0.499984740745262"/>
        </bottom>
      </border>
    </dxf>
    <dxf>
      <border>
        <bottom style="dotted">
          <color theme="0" tint="-0.499984740745262"/>
        </bottom>
      </border>
    </dxf>
    <dxf>
      <border>
        <bottom style="dotted">
          <color theme="0" tint="-0.499984740745262"/>
        </bottom>
      </border>
    </dxf>
    <dxf>
      <border>
        <bottom style="dotted">
          <color theme="0" tint="-0.499984740745262"/>
        </bottom>
      </border>
    </dxf>
    <dxf>
      <border>
        <bottom style="dotted">
          <color theme="0" tint="-0.499984740745262"/>
        </bottom>
      </border>
    </dxf>
    <dxf>
      <border>
        <bottom style="dotted">
          <color theme="0" tint="-0.499984740745262"/>
        </bottom>
      </border>
    </dxf>
    <dxf>
      <border>
        <bottom style="dotted">
          <color theme="0" tint="-0.499984740745262"/>
        </bottom>
      </border>
    </dxf>
    <dxf>
      <border>
        <bottom style="dotted">
          <color theme="0" tint="-0.499984740745262"/>
        </bottom>
      </border>
    </dxf>
    <dxf>
      <border>
        <bottom style="dotted">
          <color theme="0" tint="-0.499984740745262"/>
        </bottom>
      </border>
    </dxf>
    <dxf>
      <border>
        <bottom style="dotted">
          <color theme="0" tint="-0.499984740745262"/>
        </bottom>
      </border>
    </dxf>
    <dxf>
      <border>
        <bottom style="dotted">
          <color theme="0" tint="-0.499984740745262"/>
        </bottom>
      </border>
    </dxf>
    <dxf>
      <border>
        <bottom style="dotted">
          <color theme="0" tint="-0.499984740745262"/>
        </bottom>
      </border>
    </dxf>
    <dxf>
      <border>
        <bottom style="dotted">
          <color theme="0" tint="-0.499984740745262"/>
        </bottom>
      </border>
    </dxf>
    <dxf>
      <border>
        <bottom style="dotted">
          <color theme="0" tint="-0.499984740745262"/>
        </bottom>
      </border>
    </dxf>
    <dxf>
      <border>
        <bottom style="dotted">
          <color theme="0" tint="-0.499984740745262"/>
        </bottom>
      </border>
    </dxf>
    <dxf>
      <border>
        <bottom style="dotted">
          <color theme="0" tint="-0.499984740745262"/>
        </bottom>
      </border>
    </dxf>
    <dxf>
      <border>
        <bottom style="dotted">
          <color theme="0" tint="-0.499984740745262"/>
        </bottom>
      </border>
    </dxf>
    <dxf>
      <border>
        <bottom style="dotted">
          <color theme="0" tint="-0.499984740745262"/>
        </bottom>
      </border>
    </dxf>
    <dxf>
      <border>
        <bottom style="dotted">
          <color theme="0" tint="-0.499984740745262"/>
        </bottom>
      </border>
    </dxf>
    <dxf>
      <border>
        <bottom style="dotted">
          <color theme="0" tint="-0.499984740745262"/>
        </bottom>
      </border>
    </dxf>
    <dxf>
      <border>
        <bottom style="dotted">
          <color theme="0" tint="-0.499984740745262"/>
        </bottom>
      </border>
    </dxf>
    <dxf>
      <border>
        <bottom style="dotted">
          <color theme="0" tint="-0.499984740745262"/>
        </bottom>
      </border>
    </dxf>
    <dxf>
      <border>
        <bottom style="dotted">
          <color theme="0" tint="-0.499984740745262"/>
        </bottom>
      </border>
    </dxf>
    <dxf>
      <border>
        <bottom style="dotted">
          <color theme="0" tint="-0.499984740745262"/>
        </bottom>
      </border>
    </dxf>
    <dxf>
      <border>
        <bottom style="dotted">
          <color theme="0" tint="-0.499984740745262"/>
        </bottom>
      </border>
    </dxf>
    <dxf>
      <border>
        <bottom style="dotted">
          <color theme="0" tint="-0.499984740745262"/>
        </bottom>
      </border>
    </dxf>
    <dxf>
      <border>
        <bottom style="dotted">
          <color theme="0" tint="-0.499984740745262"/>
        </bottom>
      </border>
    </dxf>
    <dxf>
      <border>
        <bottom style="dotted">
          <color theme="0" tint="-0.499984740745262"/>
        </bottom>
      </border>
    </dxf>
    <dxf>
      <border>
        <bottom style="dotted">
          <color theme="0" tint="-0.499984740745262"/>
        </bottom>
      </border>
    </dxf>
    <dxf>
      <border>
        <bottom style="dotted">
          <color theme="0" tint="-0.499984740745262"/>
        </bottom>
      </border>
    </dxf>
    <dxf>
      <border>
        <bottom style="dotted">
          <color theme="0" tint="-0.499984740745262"/>
        </bottom>
      </border>
    </dxf>
    <dxf>
      <border>
        <bottom style="dotted">
          <color theme="0" tint="-0.499984740745262"/>
        </bottom>
      </border>
    </dxf>
    <dxf>
      <border>
        <bottom style="dotted">
          <color theme="0" tint="-0.499984740745262"/>
        </bottom>
      </border>
    </dxf>
    <dxf>
      <border>
        <bottom style="dotted">
          <color theme="0" tint="-0.499984740745262"/>
        </bottom>
      </border>
    </dxf>
    <dxf>
      <border>
        <bottom style="dotted">
          <color theme="0" tint="-0.499984740745262"/>
        </bottom>
      </border>
    </dxf>
    <dxf>
      <border>
        <bottom style="dotted">
          <color theme="0" tint="-0.499984740745262"/>
        </bottom>
      </border>
    </dxf>
    <dxf>
      <border>
        <bottom style="dotted">
          <color theme="0" tint="-0.499984740745262"/>
        </bottom>
      </border>
    </dxf>
    <dxf>
      <border>
        <bottom style="dotted">
          <color theme="0" tint="-0.499984740745262"/>
        </bottom>
      </border>
    </dxf>
    <dxf>
      <border>
        <bottom style="dotted">
          <color theme="0" tint="-0.499984740745262"/>
        </bottom>
      </border>
    </dxf>
    <dxf>
      <border>
        <bottom style="dotted">
          <color theme="0" tint="-0.499984740745262"/>
        </bottom>
      </border>
    </dxf>
    <dxf>
      <border>
        <bottom style="dotted">
          <color theme="0" tint="-0.499984740745262"/>
        </bottom>
      </border>
    </dxf>
    <dxf>
      <border>
        <bottom style="dotted">
          <color theme="0" tint="-0.499984740745262"/>
        </bottom>
      </border>
    </dxf>
    <dxf>
      <border>
        <bottom style="dotted">
          <color theme="0" tint="-0.499984740745262"/>
        </bottom>
      </border>
    </dxf>
    <dxf>
      <border>
        <bottom style="dotted">
          <color theme="0" tint="-0.499984740745262"/>
        </bottom>
      </border>
    </dxf>
    <dxf>
      <border>
        <bottom style="dotted">
          <color theme="0" tint="-0.499984740745262"/>
        </bottom>
      </border>
    </dxf>
    <dxf>
      <border>
        <bottom style="dotted">
          <color theme="0" tint="-0.499984740745262"/>
        </bottom>
      </border>
    </dxf>
  </dxfs>
  <tableStyles count="0" defaultTableStyle="TableStyleMedium2" defaultPivotStyle="PivotStyleLight16"/>
  <colors>
    <mruColors>
      <color rgb="FFFF9900"/>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worksheet" Target="worksheets/sheet13.xml"/><Relationship Id="rId18" Type="http://schemas.openxmlformats.org/officeDocument/2006/relationships/worksheet" Target="worksheets/sheet18.xml"/><Relationship Id="rId3" Type="http://schemas.openxmlformats.org/officeDocument/2006/relationships/worksheet" Target="worksheets/sheet3.xml"/><Relationship Id="rId21" Type="http://schemas.openxmlformats.org/officeDocument/2006/relationships/sharedStrings" Target="sharedStrings.xml"/><Relationship Id="rId7" Type="http://schemas.openxmlformats.org/officeDocument/2006/relationships/worksheet" Target="worksheets/sheet7.xml"/><Relationship Id="rId12" Type="http://schemas.openxmlformats.org/officeDocument/2006/relationships/worksheet" Target="worksheets/sheet12.xml"/><Relationship Id="rId17" Type="http://schemas.openxmlformats.org/officeDocument/2006/relationships/worksheet" Target="worksheets/sheet17.xml"/><Relationship Id="rId2" Type="http://schemas.openxmlformats.org/officeDocument/2006/relationships/worksheet" Target="worksheets/sheet2.xml"/><Relationship Id="rId16" Type="http://schemas.openxmlformats.org/officeDocument/2006/relationships/worksheet" Target="worksheets/sheet16.xml"/><Relationship Id="rId20" Type="http://schemas.openxmlformats.org/officeDocument/2006/relationships/styles" Target="styles.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5" Type="http://schemas.openxmlformats.org/officeDocument/2006/relationships/worksheet" Target="worksheets/sheet5.xml"/><Relationship Id="rId15" Type="http://schemas.openxmlformats.org/officeDocument/2006/relationships/worksheet" Target="worksheets/sheet15.xml"/><Relationship Id="rId10" Type="http://schemas.openxmlformats.org/officeDocument/2006/relationships/worksheet" Target="worksheets/sheet10.xml"/><Relationship Id="rId19" Type="http://schemas.openxmlformats.org/officeDocument/2006/relationships/theme" Target="theme/theme1.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worksheet" Target="worksheets/sheet14.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1" Type="http://schemas.openxmlformats.org/officeDocument/2006/relationships/printerSettings" Target="../printerSettings/printerSettings10.bin"/></Relationships>
</file>

<file path=xl/worksheets/_rels/sheet11.xml.rels><?xml version="1.0" encoding="UTF-8" standalone="yes"?>
<Relationships xmlns="http://schemas.openxmlformats.org/package/2006/relationships"><Relationship Id="rId1" Type="http://schemas.openxmlformats.org/officeDocument/2006/relationships/printerSettings" Target="../printerSettings/printerSettings11.bin"/></Relationships>
</file>

<file path=xl/worksheets/_rels/sheet12.xml.rels><?xml version="1.0" encoding="UTF-8" standalone="yes"?>
<Relationships xmlns="http://schemas.openxmlformats.org/package/2006/relationships"><Relationship Id="rId1" Type="http://schemas.openxmlformats.org/officeDocument/2006/relationships/printerSettings" Target="../printerSettings/printerSettings12.bin"/></Relationships>
</file>

<file path=xl/worksheets/_rels/sheet13.xml.rels><?xml version="1.0" encoding="UTF-8" standalone="yes"?>
<Relationships xmlns="http://schemas.openxmlformats.org/package/2006/relationships"><Relationship Id="rId1" Type="http://schemas.openxmlformats.org/officeDocument/2006/relationships/printerSettings" Target="../printerSettings/printerSettings13.bin"/></Relationships>
</file>

<file path=xl/worksheets/_rels/sheet14.xml.rels><?xml version="1.0" encoding="UTF-8" standalone="yes"?>
<Relationships xmlns="http://schemas.openxmlformats.org/package/2006/relationships"><Relationship Id="rId1" Type="http://schemas.openxmlformats.org/officeDocument/2006/relationships/printerSettings" Target="../printerSettings/printerSettings14.bin"/></Relationships>
</file>

<file path=xl/worksheets/_rels/sheet15.xml.rels><?xml version="1.0" encoding="UTF-8" standalone="yes"?>
<Relationships xmlns="http://schemas.openxmlformats.org/package/2006/relationships"><Relationship Id="rId1" Type="http://schemas.openxmlformats.org/officeDocument/2006/relationships/printerSettings" Target="../printerSettings/printerSettings15.bin"/></Relationships>
</file>

<file path=xl/worksheets/_rels/sheet16.xml.rels><?xml version="1.0" encoding="UTF-8" standalone="yes"?>
<Relationships xmlns="http://schemas.openxmlformats.org/package/2006/relationships"><Relationship Id="rId1" Type="http://schemas.openxmlformats.org/officeDocument/2006/relationships/printerSettings" Target="../printerSettings/printerSettings16.bin"/></Relationships>
</file>

<file path=xl/worksheets/_rels/sheet17.xml.rels><?xml version="1.0" encoding="UTF-8" standalone="yes"?>
<Relationships xmlns="http://schemas.openxmlformats.org/package/2006/relationships"><Relationship Id="rId1" Type="http://schemas.openxmlformats.org/officeDocument/2006/relationships/printerSettings" Target="../printerSettings/printerSettings17.bin"/></Relationships>
</file>

<file path=xl/worksheets/_rels/sheet18.xml.rels><?xml version="1.0" encoding="UTF-8" standalone="yes"?>
<Relationships xmlns="http://schemas.openxmlformats.org/package/2006/relationships"><Relationship Id="rId1" Type="http://schemas.openxmlformats.org/officeDocument/2006/relationships/printerSettings" Target="../printerSettings/printerSettings18.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1" Type="http://schemas.openxmlformats.org/officeDocument/2006/relationships/printerSettings" Target="../printerSettings/printerSettings8.bin"/></Relationships>
</file>

<file path=xl/worksheets/_rels/sheet9.xml.rels><?xml version="1.0" encoding="UTF-8" standalone="yes"?>
<Relationships xmlns="http://schemas.openxmlformats.org/package/2006/relationships"><Relationship Id="rId1" Type="http://schemas.openxmlformats.org/officeDocument/2006/relationships/printerSettings" Target="../printerSettings/printerSettings9.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7">
    <tabColor indexed="52"/>
  </sheetPr>
  <dimension ref="A1:BE76"/>
  <sheetViews>
    <sheetView tabSelected="1" view="pageBreakPreview" topLeftCell="A16" zoomScaleNormal="80" zoomScaleSheetLayoutView="100" workbookViewId="0">
      <selection sqref="A1:J1"/>
    </sheetView>
  </sheetViews>
  <sheetFormatPr defaultRowHeight="13.5" x14ac:dyDescent="0.15"/>
  <cols>
    <col min="1" max="3" width="1.875" style="38" customWidth="1"/>
    <col min="4" max="4" width="1.875" style="147" customWidth="1"/>
    <col min="5" max="5" width="1.875" style="92" customWidth="1"/>
    <col min="6" max="10" width="1.875" style="93" customWidth="1"/>
    <col min="11" max="13" width="2" style="93" customWidth="1"/>
    <col min="14" max="15" width="2" style="10" customWidth="1"/>
    <col min="16" max="16" width="2" style="9" customWidth="1"/>
    <col min="17" max="19" width="2.125" style="9" customWidth="1"/>
    <col min="20" max="24" width="1.875" style="9" customWidth="1"/>
    <col min="25" max="27" width="2.125" style="9" customWidth="1"/>
    <col min="28" max="32" width="1.875" style="9" customWidth="1"/>
    <col min="33" max="35" width="2.125" style="9" customWidth="1"/>
    <col min="36" max="36" width="1.875" style="9" customWidth="1"/>
    <col min="37" max="41" width="2.125" style="9" customWidth="1"/>
    <col min="42" max="42" width="1.875" style="9" customWidth="1"/>
    <col min="43" max="46" width="2.125" style="9" customWidth="1"/>
    <col min="47" max="55" width="1.875" style="9" customWidth="1"/>
  </cols>
  <sheetData>
    <row r="1" spans="1:51" s="3" customFormat="1" ht="22.5" customHeight="1" x14ac:dyDescent="0.15">
      <c r="A1" s="522" t="s">
        <v>44</v>
      </c>
      <c r="B1" s="522"/>
      <c r="C1" s="522"/>
      <c r="D1" s="522"/>
      <c r="E1" s="522"/>
      <c r="F1" s="522"/>
      <c r="G1" s="522"/>
      <c r="H1" s="522"/>
      <c r="I1" s="522"/>
      <c r="J1" s="522"/>
      <c r="K1" s="7"/>
      <c r="L1" s="7"/>
      <c r="M1" s="7"/>
      <c r="N1" s="8"/>
      <c r="O1" s="8"/>
    </row>
    <row r="2" spans="1:51" ht="30" customHeight="1" x14ac:dyDescent="0.15">
      <c r="A2" s="9"/>
      <c r="B2" s="9"/>
      <c r="C2" s="9"/>
      <c r="D2" s="9"/>
      <c r="E2" s="9"/>
      <c r="F2" s="9"/>
      <c r="G2" s="9"/>
      <c r="H2" s="9"/>
      <c r="I2" s="9"/>
      <c r="J2" s="9"/>
      <c r="K2" s="9"/>
      <c r="L2" s="9"/>
      <c r="M2" s="9"/>
    </row>
    <row r="3" spans="1:51" ht="21.75" customHeight="1" x14ac:dyDescent="0.15">
      <c r="A3" s="523" t="s">
        <v>45</v>
      </c>
      <c r="B3" s="523"/>
      <c r="C3" s="523"/>
      <c r="D3" s="523"/>
      <c r="E3" s="523"/>
      <c r="F3" s="523"/>
      <c r="G3" s="523"/>
      <c r="H3" s="523"/>
      <c r="I3" s="523"/>
      <c r="J3" s="523"/>
      <c r="K3" s="523"/>
      <c r="L3" s="523"/>
      <c r="M3" s="523"/>
      <c r="N3" s="523"/>
      <c r="O3" s="523"/>
      <c r="P3" s="523"/>
      <c r="Q3" s="523"/>
      <c r="R3" s="523"/>
      <c r="S3" s="523"/>
      <c r="T3" s="523"/>
      <c r="U3" s="523"/>
      <c r="V3" s="523"/>
      <c r="W3" s="523"/>
      <c r="X3" s="523"/>
      <c r="Y3" s="523"/>
      <c r="Z3" s="523"/>
      <c r="AA3" s="523"/>
      <c r="AB3" s="523"/>
      <c r="AC3" s="523"/>
      <c r="AD3" s="523"/>
      <c r="AE3" s="523"/>
      <c r="AF3" s="523"/>
      <c r="AG3" s="523"/>
      <c r="AH3" s="523"/>
      <c r="AI3" s="523"/>
      <c r="AJ3" s="523"/>
      <c r="AK3" s="523"/>
      <c r="AL3" s="523"/>
      <c r="AM3" s="523"/>
      <c r="AN3" s="523"/>
      <c r="AO3" s="523"/>
      <c r="AP3" s="523"/>
      <c r="AQ3" s="523"/>
      <c r="AR3" s="523"/>
      <c r="AS3" s="523"/>
      <c r="AT3" s="523"/>
      <c r="AU3" s="11"/>
      <c r="AV3" s="11"/>
      <c r="AW3" s="11"/>
      <c r="AX3" s="11"/>
      <c r="AY3" s="11"/>
    </row>
    <row r="4" spans="1:51" ht="3.75" customHeight="1" thickBot="1" x14ac:dyDescent="0.2">
      <c r="A4" s="12"/>
      <c r="B4" s="12"/>
      <c r="C4" s="12"/>
      <c r="D4" s="12"/>
      <c r="E4" s="12"/>
      <c r="F4" s="12"/>
      <c r="G4" s="12"/>
      <c r="H4" s="12"/>
      <c r="I4" s="12"/>
      <c r="J4" s="12"/>
      <c r="K4" s="12"/>
      <c r="L4" s="12"/>
      <c r="M4" s="12"/>
      <c r="AS4" s="13"/>
      <c r="AT4" s="13"/>
      <c r="AU4" s="14"/>
      <c r="AV4" s="14"/>
      <c r="AW4" s="14"/>
      <c r="AX4" s="14"/>
    </row>
    <row r="5" spans="1:51" ht="11.25" customHeight="1" x14ac:dyDescent="0.15">
      <c r="A5" s="15"/>
      <c r="B5" s="15"/>
      <c r="C5" s="15"/>
      <c r="D5" s="15"/>
      <c r="E5" s="15"/>
      <c r="F5" s="15"/>
      <c r="G5" s="15"/>
      <c r="H5" s="15"/>
      <c r="I5" s="15"/>
      <c r="J5" s="16"/>
      <c r="K5" s="524" t="s">
        <v>46</v>
      </c>
      <c r="L5" s="525"/>
      <c r="M5" s="525"/>
      <c r="N5" s="525"/>
      <c r="O5" s="525"/>
      <c r="P5" s="525"/>
      <c r="Q5" s="525"/>
      <c r="R5" s="525"/>
      <c r="S5" s="525"/>
      <c r="T5" s="17"/>
      <c r="U5" s="17"/>
      <c r="V5" s="17"/>
      <c r="W5" s="17"/>
      <c r="X5" s="17"/>
      <c r="Y5" s="18"/>
      <c r="Z5" s="18"/>
      <c r="AA5" s="18"/>
      <c r="AB5" s="18"/>
      <c r="AC5" s="18"/>
      <c r="AD5" s="18"/>
      <c r="AE5" s="18"/>
      <c r="AF5" s="18"/>
      <c r="AG5" s="18"/>
      <c r="AH5" s="18"/>
      <c r="AI5" s="18"/>
      <c r="AJ5" s="18"/>
      <c r="AK5" s="18"/>
      <c r="AL5" s="18"/>
      <c r="AM5" s="18"/>
      <c r="AN5" s="18"/>
      <c r="AO5" s="18"/>
      <c r="AP5" s="18"/>
      <c r="AQ5" s="18"/>
      <c r="AR5" s="18"/>
      <c r="AS5" s="18"/>
      <c r="AT5" s="18"/>
      <c r="AU5" s="19"/>
      <c r="AV5" s="19"/>
      <c r="AW5" s="19"/>
      <c r="AX5" s="19"/>
      <c r="AY5" s="19"/>
    </row>
    <row r="6" spans="1:51" ht="11.25" customHeight="1" x14ac:dyDescent="0.15">
      <c r="A6" s="20"/>
      <c r="B6" s="528" t="s">
        <v>47</v>
      </c>
      <c r="C6" s="528"/>
      <c r="D6" s="528"/>
      <c r="E6" s="528"/>
      <c r="F6" s="528"/>
      <c r="G6" s="528"/>
      <c r="H6" s="528"/>
      <c r="I6" s="528"/>
      <c r="J6" s="22"/>
      <c r="K6" s="526"/>
      <c r="L6" s="527"/>
      <c r="M6" s="527"/>
      <c r="N6" s="527"/>
      <c r="O6" s="527"/>
      <c r="P6" s="527"/>
      <c r="Q6" s="527"/>
      <c r="R6" s="527"/>
      <c r="S6" s="527"/>
      <c r="T6" s="529" t="s">
        <v>48</v>
      </c>
      <c r="U6" s="530"/>
      <c r="V6" s="530"/>
      <c r="W6" s="530"/>
      <c r="X6" s="530"/>
      <c r="Y6" s="530"/>
      <c r="Z6" s="530"/>
      <c r="AA6" s="530"/>
      <c r="AB6" s="24"/>
      <c r="AC6" s="24"/>
      <c r="AD6" s="24"/>
      <c r="AE6" s="24"/>
      <c r="AF6" s="24"/>
      <c r="AG6" s="24"/>
      <c r="AH6" s="24"/>
      <c r="AI6" s="24"/>
      <c r="AJ6" s="24"/>
      <c r="AK6" s="24"/>
      <c r="AL6" s="24"/>
      <c r="AM6" s="24"/>
      <c r="AN6" s="24"/>
      <c r="AO6" s="533" t="s">
        <v>49</v>
      </c>
      <c r="AP6" s="534"/>
      <c r="AQ6" s="534"/>
      <c r="AR6" s="534"/>
      <c r="AS6" s="534"/>
      <c r="AT6" s="534"/>
      <c r="AU6" s="25"/>
      <c r="AV6" s="25"/>
      <c r="AW6" s="19"/>
      <c r="AX6" s="19"/>
      <c r="AY6" s="19"/>
    </row>
    <row r="7" spans="1:51" ht="18.75" customHeight="1" x14ac:dyDescent="0.15">
      <c r="A7" s="20"/>
      <c r="B7" s="528"/>
      <c r="C7" s="528"/>
      <c r="D7" s="528"/>
      <c r="E7" s="528"/>
      <c r="F7" s="528"/>
      <c r="G7" s="528"/>
      <c r="H7" s="528"/>
      <c r="I7" s="528"/>
      <c r="J7" s="22"/>
      <c r="K7" s="526"/>
      <c r="L7" s="527"/>
      <c r="M7" s="527"/>
      <c r="N7" s="527"/>
      <c r="O7" s="527"/>
      <c r="P7" s="527"/>
      <c r="Q7" s="527"/>
      <c r="R7" s="527"/>
      <c r="S7" s="527"/>
      <c r="T7" s="531"/>
      <c r="U7" s="532"/>
      <c r="V7" s="532"/>
      <c r="W7" s="532"/>
      <c r="X7" s="532"/>
      <c r="Y7" s="532"/>
      <c r="Z7" s="532"/>
      <c r="AA7" s="532"/>
      <c r="AB7" s="537" t="s">
        <v>50</v>
      </c>
      <c r="AC7" s="538"/>
      <c r="AD7" s="538"/>
      <c r="AE7" s="538"/>
      <c r="AF7" s="538"/>
      <c r="AG7" s="538"/>
      <c r="AH7" s="538"/>
      <c r="AI7" s="538"/>
      <c r="AJ7" s="537" t="s">
        <v>51</v>
      </c>
      <c r="AK7" s="538"/>
      <c r="AL7" s="538"/>
      <c r="AM7" s="538"/>
      <c r="AN7" s="538"/>
      <c r="AO7" s="535"/>
      <c r="AP7" s="536"/>
      <c r="AQ7" s="536"/>
      <c r="AR7" s="536"/>
      <c r="AS7" s="536"/>
      <c r="AT7" s="536"/>
      <c r="AU7" s="25"/>
      <c r="AV7" s="25"/>
      <c r="AW7" s="19"/>
      <c r="AX7" s="19"/>
      <c r="AY7" s="19"/>
    </row>
    <row r="8" spans="1:51" ht="15" customHeight="1" x14ac:dyDescent="0.15">
      <c r="A8" s="26"/>
      <c r="B8" s="26"/>
      <c r="C8" s="26"/>
      <c r="D8" s="26"/>
      <c r="E8" s="26"/>
      <c r="F8" s="26"/>
      <c r="G8" s="26"/>
      <c r="H8" s="26"/>
      <c r="I8" s="26"/>
      <c r="J8" s="27"/>
      <c r="K8" s="28"/>
      <c r="L8" s="26"/>
      <c r="M8" s="26"/>
      <c r="N8" s="26"/>
      <c r="O8" s="26"/>
      <c r="P8" s="539" t="s">
        <v>52</v>
      </c>
      <c r="Q8" s="539"/>
      <c r="R8" s="539"/>
      <c r="S8" s="539"/>
      <c r="T8" s="30"/>
      <c r="U8" s="31"/>
      <c r="V8" s="31"/>
      <c r="W8" s="31"/>
      <c r="X8" s="539" t="s">
        <v>52</v>
      </c>
      <c r="Y8" s="539"/>
      <c r="Z8" s="539"/>
      <c r="AA8" s="539"/>
      <c r="AB8" s="28"/>
      <c r="AC8" s="26"/>
      <c r="AD8" s="26"/>
      <c r="AE8" s="26"/>
      <c r="AF8" s="539" t="s">
        <v>52</v>
      </c>
      <c r="AG8" s="539"/>
      <c r="AH8" s="539"/>
      <c r="AI8" s="539"/>
      <c r="AJ8" s="28"/>
      <c r="AK8" s="26"/>
      <c r="AL8" s="26"/>
      <c r="AM8" s="26"/>
      <c r="AN8" s="29"/>
      <c r="AO8" s="32"/>
      <c r="AP8" s="29"/>
      <c r="AQ8" s="29"/>
      <c r="AR8" s="33"/>
      <c r="AS8" s="33"/>
      <c r="AT8" s="33"/>
      <c r="AU8" s="25"/>
      <c r="AV8" s="34"/>
      <c r="AW8" s="34"/>
      <c r="AX8" s="34"/>
      <c r="AY8" s="34"/>
    </row>
    <row r="9" spans="1:51" ht="6" customHeight="1" x14ac:dyDescent="0.15">
      <c r="A9" s="35"/>
      <c r="B9" s="35"/>
      <c r="C9" s="35"/>
      <c r="D9" s="36"/>
      <c r="E9" s="37"/>
      <c r="F9" s="38"/>
      <c r="G9" s="38"/>
      <c r="H9" s="38"/>
      <c r="I9" s="38"/>
      <c r="J9" s="38"/>
      <c r="K9" s="39"/>
      <c r="L9" s="38"/>
      <c r="M9" s="38"/>
      <c r="N9" s="40"/>
      <c r="O9" s="40"/>
      <c r="P9" s="19"/>
      <c r="Q9" s="19"/>
      <c r="R9" s="19"/>
      <c r="S9" s="19"/>
      <c r="T9" s="19"/>
      <c r="U9" s="19"/>
      <c r="V9" s="19"/>
      <c r="W9" s="19"/>
      <c r="X9" s="19"/>
      <c r="Y9" s="19"/>
      <c r="Z9" s="19"/>
      <c r="AA9" s="19"/>
      <c r="AB9" s="19"/>
      <c r="AC9" s="19"/>
      <c r="AD9" s="19"/>
      <c r="AE9" s="19"/>
      <c r="AF9" s="19"/>
      <c r="AG9" s="19"/>
      <c r="AH9" s="19"/>
      <c r="AI9" s="19"/>
      <c r="AJ9" s="19"/>
      <c r="AK9" s="19"/>
      <c r="AL9" s="19"/>
      <c r="AM9" s="19"/>
      <c r="AN9" s="19"/>
      <c r="AO9" s="19"/>
      <c r="AP9" s="19"/>
      <c r="AU9" s="19"/>
      <c r="AV9" s="19"/>
      <c r="AW9" s="19"/>
      <c r="AX9" s="19"/>
      <c r="AY9" s="19"/>
    </row>
    <row r="10" spans="1:51" ht="12.75" customHeight="1" x14ac:dyDescent="0.15">
      <c r="A10" s="35"/>
      <c r="B10" s="35"/>
      <c r="C10" s="41"/>
      <c r="D10" s="42"/>
      <c r="E10" s="37"/>
      <c r="F10" s="38"/>
      <c r="G10" s="38"/>
      <c r="H10" s="38"/>
      <c r="I10" s="38"/>
      <c r="J10" s="38"/>
      <c r="K10" s="39"/>
      <c r="L10" s="38"/>
      <c r="M10" s="38"/>
      <c r="N10" s="40"/>
      <c r="O10" s="40"/>
      <c r="P10" s="43" t="s">
        <v>38</v>
      </c>
      <c r="Q10" s="44"/>
      <c r="R10" s="45"/>
      <c r="S10" s="46" t="s">
        <v>43</v>
      </c>
      <c r="T10" s="45"/>
      <c r="U10" s="45"/>
      <c r="V10" s="45"/>
      <c r="W10" s="45"/>
      <c r="X10" s="47" t="s">
        <v>38</v>
      </c>
      <c r="Y10" s="45"/>
      <c r="Z10" s="45"/>
      <c r="AA10" s="47" t="s">
        <v>43</v>
      </c>
      <c r="AB10" s="45"/>
      <c r="AC10" s="45"/>
      <c r="AD10" s="45"/>
      <c r="AE10" s="45"/>
      <c r="AF10" s="47" t="s">
        <v>38</v>
      </c>
      <c r="AG10" s="45"/>
      <c r="AH10" s="45"/>
      <c r="AI10" s="47" t="s">
        <v>43</v>
      </c>
      <c r="AJ10" s="45"/>
      <c r="AK10" s="45"/>
      <c r="AL10" s="45"/>
      <c r="AN10" s="47" t="s">
        <v>38</v>
      </c>
      <c r="AO10" s="45"/>
      <c r="AP10" s="45"/>
      <c r="AQ10" s="47"/>
      <c r="AR10" s="46"/>
      <c r="AS10" s="47"/>
      <c r="AT10" s="47" t="s">
        <v>38</v>
      </c>
      <c r="AU10" s="19"/>
      <c r="AV10" s="45"/>
      <c r="AW10" s="45"/>
      <c r="AX10" s="45"/>
      <c r="AY10" s="47"/>
    </row>
    <row r="11" spans="1:51" ht="18.75" customHeight="1" x14ac:dyDescent="0.15">
      <c r="A11" s="48"/>
      <c r="B11" s="540" t="s">
        <v>53</v>
      </c>
      <c r="C11" s="540"/>
      <c r="D11" s="540"/>
      <c r="E11" s="540"/>
      <c r="F11" s="540"/>
      <c r="G11" s="540"/>
      <c r="H11" s="540"/>
      <c r="I11" s="540"/>
      <c r="J11" s="49"/>
      <c r="K11" s="541">
        <v>477748</v>
      </c>
      <c r="L11" s="542"/>
      <c r="M11" s="542"/>
      <c r="N11" s="542"/>
      <c r="O11" s="542"/>
      <c r="P11" s="542"/>
      <c r="Q11" s="543">
        <v>5.7</v>
      </c>
      <c r="R11" s="543"/>
      <c r="S11" s="543"/>
      <c r="T11" s="544">
        <v>279034</v>
      </c>
      <c r="U11" s="544"/>
      <c r="V11" s="544"/>
      <c r="W11" s="544"/>
      <c r="X11" s="544"/>
      <c r="Y11" s="543">
        <v>3.9</v>
      </c>
      <c r="Z11" s="543"/>
      <c r="AA11" s="543"/>
      <c r="AB11" s="545">
        <v>259543</v>
      </c>
      <c r="AC11" s="545"/>
      <c r="AD11" s="545"/>
      <c r="AE11" s="545"/>
      <c r="AF11" s="545"/>
      <c r="AG11" s="543">
        <v>3.2</v>
      </c>
      <c r="AH11" s="543"/>
      <c r="AI11" s="543"/>
      <c r="AJ11" s="544">
        <v>19491</v>
      </c>
      <c r="AK11" s="544"/>
      <c r="AL11" s="544"/>
      <c r="AM11" s="544"/>
      <c r="AN11" s="544"/>
      <c r="AO11" s="542">
        <v>198714</v>
      </c>
      <c r="AP11" s="542"/>
      <c r="AQ11" s="542"/>
      <c r="AR11" s="542"/>
      <c r="AS11" s="542"/>
      <c r="AT11" s="542"/>
      <c r="AU11" s="19"/>
      <c r="AV11" s="19"/>
      <c r="AW11" s="19"/>
      <c r="AX11" s="50"/>
      <c r="AY11" s="50"/>
    </row>
    <row r="12" spans="1:51" ht="6" customHeight="1" x14ac:dyDescent="0.15">
      <c r="B12" s="51"/>
      <c r="C12" s="21"/>
      <c r="D12" s="42"/>
      <c r="E12" s="37"/>
      <c r="F12" s="38"/>
      <c r="G12" s="38"/>
      <c r="H12" s="38"/>
      <c r="I12" s="38"/>
      <c r="J12" s="38"/>
      <c r="K12" s="52"/>
      <c r="L12" s="53"/>
      <c r="M12" s="53"/>
      <c r="N12" s="53"/>
      <c r="O12" s="53"/>
      <c r="P12" s="54"/>
      <c r="Q12" s="55"/>
      <c r="R12" s="55"/>
      <c r="S12" s="55"/>
      <c r="T12" s="56"/>
      <c r="U12" s="56"/>
      <c r="V12" s="56"/>
      <c r="W12" s="56"/>
      <c r="X12" s="56"/>
      <c r="Y12" s="55"/>
      <c r="Z12" s="55"/>
      <c r="AA12" s="55"/>
      <c r="AB12" s="57"/>
      <c r="AC12" s="57"/>
      <c r="AD12" s="57"/>
      <c r="AE12" s="57"/>
      <c r="AF12" s="57"/>
      <c r="AG12" s="55"/>
      <c r="AH12" s="55"/>
      <c r="AI12" s="55"/>
      <c r="AJ12" s="56"/>
      <c r="AK12" s="56"/>
      <c r="AL12" s="56"/>
      <c r="AM12" s="56"/>
      <c r="AN12" s="56"/>
      <c r="AO12" s="54"/>
      <c r="AP12" s="54"/>
      <c r="AQ12" s="54"/>
      <c r="AR12" s="54"/>
      <c r="AS12" s="58"/>
      <c r="AT12" s="58"/>
      <c r="AU12" s="19"/>
      <c r="AV12" s="19"/>
      <c r="AW12" s="19"/>
      <c r="AX12" s="59"/>
      <c r="AY12" s="19"/>
    </row>
    <row r="13" spans="1:51" ht="18.75" customHeight="1" x14ac:dyDescent="0.15">
      <c r="B13" s="546" t="s">
        <v>54</v>
      </c>
      <c r="C13" s="546"/>
      <c r="D13" s="546"/>
      <c r="E13" s="546"/>
      <c r="F13" s="546"/>
      <c r="G13" s="546"/>
      <c r="H13" s="546"/>
      <c r="I13" s="546"/>
      <c r="J13" s="51"/>
      <c r="K13" s="547">
        <v>576562</v>
      </c>
      <c r="L13" s="548"/>
      <c r="M13" s="548"/>
      <c r="N13" s="548"/>
      <c r="O13" s="548"/>
      <c r="P13" s="548"/>
      <c r="Q13" s="549">
        <v>7.7</v>
      </c>
      <c r="R13" s="549"/>
      <c r="S13" s="549"/>
      <c r="T13" s="550">
        <v>310840</v>
      </c>
      <c r="U13" s="550"/>
      <c r="V13" s="550"/>
      <c r="W13" s="550"/>
      <c r="X13" s="550"/>
      <c r="Y13" s="549">
        <v>5.0999999999999996</v>
      </c>
      <c r="Z13" s="549"/>
      <c r="AA13" s="549"/>
      <c r="AB13" s="551">
        <v>286729</v>
      </c>
      <c r="AC13" s="551"/>
      <c r="AD13" s="551"/>
      <c r="AE13" s="551"/>
      <c r="AF13" s="551"/>
      <c r="AG13" s="549">
        <v>4.7</v>
      </c>
      <c r="AH13" s="549"/>
      <c r="AI13" s="549"/>
      <c r="AJ13" s="550">
        <v>24111</v>
      </c>
      <c r="AK13" s="550"/>
      <c r="AL13" s="550"/>
      <c r="AM13" s="550"/>
      <c r="AN13" s="550"/>
      <c r="AO13" s="548">
        <v>265722</v>
      </c>
      <c r="AP13" s="548"/>
      <c r="AQ13" s="548"/>
      <c r="AR13" s="548"/>
      <c r="AS13" s="548"/>
      <c r="AT13" s="548"/>
      <c r="AU13" s="19"/>
      <c r="AV13" s="19"/>
      <c r="AW13" s="19"/>
      <c r="AX13" s="50"/>
      <c r="AY13" s="50"/>
    </row>
    <row r="14" spans="1:51" ht="6" customHeight="1" x14ac:dyDescent="0.15">
      <c r="A14" s="51"/>
      <c r="B14" s="51"/>
      <c r="C14" s="21"/>
      <c r="D14" s="42"/>
      <c r="E14" s="37"/>
      <c r="F14" s="38"/>
      <c r="G14" s="38"/>
      <c r="H14" s="38"/>
      <c r="I14" s="38"/>
      <c r="J14" s="38"/>
      <c r="K14" s="52"/>
      <c r="L14" s="53"/>
      <c r="M14" s="53"/>
      <c r="N14" s="53"/>
      <c r="O14" s="53"/>
      <c r="P14" s="54"/>
      <c r="Q14" s="55"/>
      <c r="R14" s="55"/>
      <c r="S14" s="55"/>
      <c r="T14" s="56"/>
      <c r="U14" s="56"/>
      <c r="V14" s="56"/>
      <c r="W14" s="56"/>
      <c r="X14" s="56"/>
      <c r="Y14" s="55"/>
      <c r="Z14" s="55"/>
      <c r="AA14" s="55"/>
      <c r="AB14" s="57"/>
      <c r="AC14" s="57"/>
      <c r="AD14" s="57"/>
      <c r="AE14" s="57"/>
      <c r="AF14" s="57"/>
      <c r="AG14" s="55"/>
      <c r="AH14" s="55"/>
      <c r="AI14" s="55"/>
      <c r="AJ14" s="56"/>
      <c r="AK14" s="56"/>
      <c r="AL14" s="56"/>
      <c r="AM14" s="56"/>
      <c r="AN14" s="56"/>
      <c r="AO14" s="54"/>
      <c r="AP14" s="54"/>
      <c r="AQ14" s="54"/>
      <c r="AR14" s="54"/>
      <c r="AS14" s="60"/>
      <c r="AT14" s="60"/>
      <c r="AU14" s="19"/>
      <c r="AV14" s="19"/>
      <c r="AW14" s="19"/>
      <c r="AX14" s="61"/>
      <c r="AY14" s="19"/>
    </row>
    <row r="15" spans="1:51" ht="6" customHeight="1" x14ac:dyDescent="0.15">
      <c r="A15" s="62"/>
      <c r="B15" s="62"/>
      <c r="C15" s="63"/>
      <c r="D15" s="64"/>
      <c r="E15" s="65"/>
      <c r="F15" s="66"/>
      <c r="G15" s="66"/>
      <c r="H15" s="66"/>
      <c r="I15" s="66"/>
      <c r="J15" s="66"/>
      <c r="K15" s="67"/>
      <c r="L15" s="68"/>
      <c r="M15" s="68"/>
      <c r="N15" s="68"/>
      <c r="O15" s="68"/>
      <c r="P15" s="69"/>
      <c r="Q15" s="70"/>
      <c r="R15" s="70"/>
      <c r="S15" s="70"/>
      <c r="T15" s="71"/>
      <c r="U15" s="71"/>
      <c r="V15" s="71"/>
      <c r="W15" s="71"/>
      <c r="X15" s="71"/>
      <c r="Y15" s="70"/>
      <c r="Z15" s="70"/>
      <c r="AA15" s="70"/>
      <c r="AB15" s="72"/>
      <c r="AC15" s="72"/>
      <c r="AD15" s="72"/>
      <c r="AE15" s="72"/>
      <c r="AF15" s="72"/>
      <c r="AG15" s="70"/>
      <c r="AH15" s="70"/>
      <c r="AI15" s="70"/>
      <c r="AJ15" s="71"/>
      <c r="AK15" s="71"/>
      <c r="AL15" s="71"/>
      <c r="AM15" s="71"/>
      <c r="AN15" s="71"/>
      <c r="AO15" s="69"/>
      <c r="AP15" s="69"/>
      <c r="AQ15" s="69"/>
      <c r="AR15" s="69"/>
      <c r="AS15" s="73"/>
      <c r="AT15" s="74"/>
      <c r="AU15" s="19"/>
      <c r="AV15" s="19"/>
      <c r="AW15" s="19"/>
      <c r="AX15" s="59"/>
      <c r="AY15" s="19"/>
    </row>
    <row r="16" spans="1:51" ht="18.75" customHeight="1" x14ac:dyDescent="0.15">
      <c r="A16" s="48"/>
      <c r="B16" s="540" t="s">
        <v>55</v>
      </c>
      <c r="C16" s="540"/>
      <c r="D16" s="540"/>
      <c r="E16" s="540"/>
      <c r="F16" s="540"/>
      <c r="G16" s="540"/>
      <c r="H16" s="540"/>
      <c r="I16" s="540"/>
      <c r="J16" s="49"/>
      <c r="K16" s="541">
        <v>919223</v>
      </c>
      <c r="L16" s="542"/>
      <c r="M16" s="542"/>
      <c r="N16" s="542"/>
      <c r="O16" s="542"/>
      <c r="P16" s="542"/>
      <c r="Q16" s="543">
        <v>4.5999999999999996</v>
      </c>
      <c r="R16" s="543"/>
      <c r="S16" s="543"/>
      <c r="T16" s="544">
        <v>406031</v>
      </c>
      <c r="U16" s="544"/>
      <c r="V16" s="544"/>
      <c r="W16" s="544"/>
      <c r="X16" s="544"/>
      <c r="Y16" s="543">
        <v>1.9</v>
      </c>
      <c r="Z16" s="543"/>
      <c r="AA16" s="543"/>
      <c r="AB16" s="545">
        <v>370357</v>
      </c>
      <c r="AC16" s="545"/>
      <c r="AD16" s="545"/>
      <c r="AE16" s="545"/>
      <c r="AF16" s="545"/>
      <c r="AG16" s="543">
        <v>1.9</v>
      </c>
      <c r="AH16" s="543"/>
      <c r="AI16" s="543"/>
      <c r="AJ16" s="544">
        <v>35674</v>
      </c>
      <c r="AK16" s="544"/>
      <c r="AL16" s="544"/>
      <c r="AM16" s="544"/>
      <c r="AN16" s="544"/>
      <c r="AO16" s="542">
        <v>513192</v>
      </c>
      <c r="AP16" s="542"/>
      <c r="AQ16" s="542"/>
      <c r="AR16" s="542"/>
      <c r="AS16" s="542"/>
      <c r="AT16" s="542"/>
      <c r="AU16" s="19"/>
      <c r="AV16" s="19"/>
      <c r="AW16" s="19"/>
      <c r="AX16" s="50"/>
      <c r="AY16" s="50"/>
    </row>
    <row r="17" spans="1:51" ht="6" customHeight="1" x14ac:dyDescent="0.15">
      <c r="B17" s="51"/>
      <c r="C17" s="21"/>
      <c r="D17" s="42"/>
      <c r="E17" s="37"/>
      <c r="F17" s="38"/>
      <c r="G17" s="38"/>
      <c r="H17" s="38"/>
      <c r="I17" s="38"/>
      <c r="J17" s="38"/>
      <c r="K17" s="52"/>
      <c r="L17" s="53"/>
      <c r="M17" s="53"/>
      <c r="N17" s="53"/>
      <c r="O17" s="53"/>
      <c r="P17" s="54"/>
      <c r="Q17" s="55"/>
      <c r="R17" s="55"/>
      <c r="S17" s="55"/>
      <c r="T17" s="56"/>
      <c r="U17" s="56"/>
      <c r="V17" s="56"/>
      <c r="W17" s="56"/>
      <c r="X17" s="56"/>
      <c r="Y17" s="55"/>
      <c r="Z17" s="55"/>
      <c r="AA17" s="55"/>
      <c r="AB17" s="57"/>
      <c r="AC17" s="57"/>
      <c r="AD17" s="57"/>
      <c r="AE17" s="57"/>
      <c r="AF17" s="57"/>
      <c r="AG17" s="55"/>
      <c r="AH17" s="55"/>
      <c r="AI17" s="55"/>
      <c r="AJ17" s="56"/>
      <c r="AK17" s="56"/>
      <c r="AL17" s="56"/>
      <c r="AM17" s="56"/>
      <c r="AN17" s="56"/>
      <c r="AO17" s="54"/>
      <c r="AP17" s="54"/>
      <c r="AQ17" s="54"/>
      <c r="AR17" s="54"/>
      <c r="AS17" s="58"/>
      <c r="AT17" s="75"/>
      <c r="AU17" s="19"/>
      <c r="AV17" s="19"/>
      <c r="AW17" s="19"/>
      <c r="AX17" s="59"/>
      <c r="AY17" s="19"/>
    </row>
    <row r="18" spans="1:51" ht="18.75" customHeight="1" x14ac:dyDescent="0.15">
      <c r="B18" s="546" t="s">
        <v>56</v>
      </c>
      <c r="C18" s="546"/>
      <c r="D18" s="546"/>
      <c r="E18" s="546"/>
      <c r="F18" s="546"/>
      <c r="G18" s="546"/>
      <c r="H18" s="546"/>
      <c r="I18" s="546"/>
      <c r="J18" s="51"/>
      <c r="K18" s="547">
        <v>513986</v>
      </c>
      <c r="L18" s="548"/>
      <c r="M18" s="548"/>
      <c r="N18" s="548"/>
      <c r="O18" s="548"/>
      <c r="P18" s="548"/>
      <c r="Q18" s="549">
        <v>7.2</v>
      </c>
      <c r="R18" s="549"/>
      <c r="S18" s="549"/>
      <c r="T18" s="550">
        <v>302888</v>
      </c>
      <c r="U18" s="550"/>
      <c r="V18" s="550"/>
      <c r="W18" s="550"/>
      <c r="X18" s="550"/>
      <c r="Y18" s="549">
        <v>7.7</v>
      </c>
      <c r="Z18" s="549"/>
      <c r="AA18" s="549"/>
      <c r="AB18" s="551">
        <v>278234</v>
      </c>
      <c r="AC18" s="551"/>
      <c r="AD18" s="551"/>
      <c r="AE18" s="551"/>
      <c r="AF18" s="551"/>
      <c r="AG18" s="549">
        <v>8.1999999999999993</v>
      </c>
      <c r="AH18" s="549"/>
      <c r="AI18" s="549"/>
      <c r="AJ18" s="550">
        <v>24654</v>
      </c>
      <c r="AK18" s="550"/>
      <c r="AL18" s="550"/>
      <c r="AM18" s="550"/>
      <c r="AN18" s="550"/>
      <c r="AO18" s="548">
        <v>211098</v>
      </c>
      <c r="AP18" s="548"/>
      <c r="AQ18" s="548"/>
      <c r="AR18" s="548"/>
      <c r="AS18" s="548"/>
      <c r="AT18" s="548"/>
      <c r="AU18" s="19"/>
      <c r="AV18" s="19"/>
      <c r="AW18" s="19"/>
      <c r="AX18" s="50"/>
      <c r="AY18" s="50"/>
    </row>
    <row r="19" spans="1:51" ht="6" customHeight="1" x14ac:dyDescent="0.15">
      <c r="B19" s="51"/>
      <c r="C19" s="21"/>
      <c r="D19" s="42"/>
      <c r="E19" s="37"/>
      <c r="F19" s="38"/>
      <c r="G19" s="38"/>
      <c r="H19" s="38"/>
      <c r="I19" s="38"/>
      <c r="J19" s="38"/>
      <c r="K19" s="52"/>
      <c r="L19" s="53"/>
      <c r="M19" s="53"/>
      <c r="N19" s="53"/>
      <c r="O19" s="53"/>
      <c r="P19" s="54"/>
      <c r="Q19" s="55"/>
      <c r="R19" s="55"/>
      <c r="S19" s="55"/>
      <c r="T19" s="56"/>
      <c r="U19" s="56"/>
      <c r="V19" s="56"/>
      <c r="W19" s="56"/>
      <c r="X19" s="56"/>
      <c r="Y19" s="55"/>
      <c r="Z19" s="55"/>
      <c r="AA19" s="55"/>
      <c r="AB19" s="57"/>
      <c r="AC19" s="57"/>
      <c r="AD19" s="57"/>
      <c r="AE19" s="57"/>
      <c r="AF19" s="57"/>
      <c r="AG19" s="55"/>
      <c r="AH19" s="55"/>
      <c r="AI19" s="55"/>
      <c r="AJ19" s="56"/>
      <c r="AK19" s="56"/>
      <c r="AL19" s="56"/>
      <c r="AM19" s="56"/>
      <c r="AN19" s="56"/>
      <c r="AO19" s="54"/>
      <c r="AP19" s="54"/>
      <c r="AQ19" s="54"/>
      <c r="AR19" s="54"/>
      <c r="AS19" s="58"/>
      <c r="AT19" s="75"/>
      <c r="AU19" s="19"/>
      <c r="AV19" s="19"/>
      <c r="AW19" s="19"/>
      <c r="AX19" s="59"/>
      <c r="AY19" s="19"/>
    </row>
    <row r="20" spans="1:51" ht="18.75" customHeight="1" x14ac:dyDescent="0.15">
      <c r="A20" s="48"/>
      <c r="B20" s="540" t="s">
        <v>57</v>
      </c>
      <c r="C20" s="540"/>
      <c r="D20" s="540"/>
      <c r="E20" s="540"/>
      <c r="F20" s="540"/>
      <c r="G20" s="540"/>
      <c r="H20" s="540"/>
      <c r="I20" s="540"/>
      <c r="J20" s="49"/>
      <c r="K20" s="541">
        <v>448596</v>
      </c>
      <c r="L20" s="542"/>
      <c r="M20" s="542"/>
      <c r="N20" s="542"/>
      <c r="O20" s="542"/>
      <c r="P20" s="542"/>
      <c r="Q20" s="543">
        <v>11.2</v>
      </c>
      <c r="R20" s="543"/>
      <c r="S20" s="543"/>
      <c r="T20" s="544">
        <v>267817</v>
      </c>
      <c r="U20" s="544"/>
      <c r="V20" s="544"/>
      <c r="W20" s="544"/>
      <c r="X20" s="544"/>
      <c r="Y20" s="543">
        <v>5.0999999999999996</v>
      </c>
      <c r="Z20" s="543"/>
      <c r="AA20" s="543"/>
      <c r="AB20" s="545">
        <v>250128</v>
      </c>
      <c r="AC20" s="545"/>
      <c r="AD20" s="545"/>
      <c r="AE20" s="545"/>
      <c r="AF20" s="545"/>
      <c r="AG20" s="543">
        <v>3.7</v>
      </c>
      <c r="AH20" s="543"/>
      <c r="AI20" s="543"/>
      <c r="AJ20" s="544">
        <v>17689</v>
      </c>
      <c r="AK20" s="544"/>
      <c r="AL20" s="544"/>
      <c r="AM20" s="544"/>
      <c r="AN20" s="544"/>
      <c r="AO20" s="542">
        <v>180779</v>
      </c>
      <c r="AP20" s="542"/>
      <c r="AQ20" s="542"/>
      <c r="AR20" s="542"/>
      <c r="AS20" s="542"/>
      <c r="AT20" s="542"/>
      <c r="AU20" s="19"/>
      <c r="AV20" s="19"/>
      <c r="AW20" s="19"/>
      <c r="AX20" s="50"/>
      <c r="AY20" s="50"/>
    </row>
    <row r="21" spans="1:51" ht="6" customHeight="1" x14ac:dyDescent="0.15">
      <c r="B21" s="51"/>
      <c r="C21" s="21"/>
      <c r="D21" s="42"/>
      <c r="E21" s="37"/>
      <c r="F21" s="38"/>
      <c r="G21" s="38"/>
      <c r="H21" s="38"/>
      <c r="I21" s="38"/>
      <c r="J21" s="38"/>
      <c r="K21" s="52"/>
      <c r="L21" s="53"/>
      <c r="M21" s="53"/>
      <c r="N21" s="53"/>
      <c r="O21" s="53"/>
      <c r="P21" s="54"/>
      <c r="Q21" s="55"/>
      <c r="R21" s="55"/>
      <c r="S21" s="55"/>
      <c r="T21" s="56"/>
      <c r="U21" s="56"/>
      <c r="V21" s="56"/>
      <c r="W21" s="56"/>
      <c r="X21" s="56"/>
      <c r="Y21" s="55"/>
      <c r="Z21" s="55"/>
      <c r="AA21" s="55"/>
      <c r="AB21" s="57"/>
      <c r="AC21" s="57"/>
      <c r="AD21" s="57"/>
      <c r="AE21" s="57"/>
      <c r="AF21" s="57"/>
      <c r="AG21" s="55"/>
      <c r="AH21" s="55"/>
      <c r="AI21" s="55"/>
      <c r="AJ21" s="56"/>
      <c r="AK21" s="56"/>
      <c r="AL21" s="56"/>
      <c r="AM21" s="56"/>
      <c r="AN21" s="56"/>
      <c r="AO21" s="54"/>
      <c r="AP21" s="54"/>
      <c r="AQ21" s="54"/>
      <c r="AR21" s="54"/>
      <c r="AS21" s="58"/>
      <c r="AT21" s="75"/>
      <c r="AU21" s="19"/>
      <c r="AV21" s="19"/>
      <c r="AW21" s="19"/>
      <c r="AX21" s="59"/>
      <c r="AY21" s="19"/>
    </row>
    <row r="22" spans="1:51" ht="18.75" customHeight="1" x14ac:dyDescent="0.15">
      <c r="B22" s="546" t="s">
        <v>58</v>
      </c>
      <c r="C22" s="546"/>
      <c r="D22" s="546"/>
      <c r="E22" s="546"/>
      <c r="F22" s="546"/>
      <c r="G22" s="546"/>
      <c r="H22" s="546"/>
      <c r="I22" s="546"/>
      <c r="J22" s="51"/>
      <c r="K22" s="547">
        <v>324121</v>
      </c>
      <c r="L22" s="548"/>
      <c r="M22" s="548"/>
      <c r="N22" s="548"/>
      <c r="O22" s="548"/>
      <c r="P22" s="548"/>
      <c r="Q22" s="549">
        <v>1.9</v>
      </c>
      <c r="R22" s="549"/>
      <c r="S22" s="549"/>
      <c r="T22" s="550">
        <v>229584</v>
      </c>
      <c r="U22" s="550"/>
      <c r="V22" s="550"/>
      <c r="W22" s="550"/>
      <c r="X22" s="550"/>
      <c r="Y22" s="549">
        <v>1.9</v>
      </c>
      <c r="Z22" s="549"/>
      <c r="AA22" s="549"/>
      <c r="AB22" s="551">
        <v>217275</v>
      </c>
      <c r="AC22" s="551"/>
      <c r="AD22" s="551"/>
      <c r="AE22" s="551"/>
      <c r="AF22" s="551"/>
      <c r="AG22" s="549">
        <v>1</v>
      </c>
      <c r="AH22" s="549"/>
      <c r="AI22" s="549"/>
      <c r="AJ22" s="550">
        <v>12309</v>
      </c>
      <c r="AK22" s="550"/>
      <c r="AL22" s="550"/>
      <c r="AM22" s="550"/>
      <c r="AN22" s="550"/>
      <c r="AO22" s="548">
        <v>94537</v>
      </c>
      <c r="AP22" s="548"/>
      <c r="AQ22" s="548"/>
      <c r="AR22" s="548"/>
      <c r="AS22" s="548"/>
      <c r="AT22" s="548"/>
      <c r="AU22" s="19"/>
      <c r="AV22" s="19"/>
      <c r="AW22" s="19"/>
      <c r="AX22" s="50"/>
      <c r="AY22" s="50"/>
    </row>
    <row r="23" spans="1:51" ht="6" customHeight="1" thickBot="1" x14ac:dyDescent="0.2">
      <c r="A23" s="76"/>
      <c r="B23" s="76"/>
      <c r="C23" s="77"/>
      <c r="D23" s="78"/>
      <c r="E23" s="79"/>
      <c r="F23" s="80"/>
      <c r="G23" s="80"/>
      <c r="H23" s="80"/>
      <c r="I23" s="80"/>
      <c r="J23" s="81"/>
      <c r="K23" s="80"/>
      <c r="L23" s="80"/>
      <c r="M23" s="80"/>
      <c r="N23" s="82"/>
      <c r="O23" s="82"/>
      <c r="P23" s="83"/>
      <c r="Q23" s="84"/>
      <c r="R23" s="83"/>
      <c r="S23" s="83"/>
      <c r="T23" s="83"/>
      <c r="U23" s="83"/>
      <c r="V23" s="83"/>
      <c r="W23" s="83"/>
      <c r="X23" s="83"/>
      <c r="Y23" s="83"/>
      <c r="Z23" s="83"/>
      <c r="AA23" s="83"/>
      <c r="AB23" s="83"/>
      <c r="AC23" s="83"/>
      <c r="AD23" s="83"/>
      <c r="AE23" s="83"/>
      <c r="AF23" s="83"/>
      <c r="AG23" s="83"/>
      <c r="AH23" s="83"/>
      <c r="AI23" s="83"/>
      <c r="AJ23" s="83"/>
      <c r="AK23" s="83"/>
      <c r="AL23" s="83"/>
      <c r="AM23" s="83"/>
      <c r="AN23" s="83"/>
      <c r="AO23" s="83"/>
      <c r="AP23" s="83"/>
      <c r="AQ23" s="85"/>
      <c r="AR23" s="86"/>
      <c r="AS23" s="87"/>
      <c r="AT23" s="88"/>
      <c r="AU23" s="35"/>
      <c r="AV23" s="35"/>
      <c r="AW23" s="35"/>
      <c r="AX23" s="35"/>
      <c r="AY23" s="19"/>
    </row>
    <row r="24" spans="1:51" ht="37.5" customHeight="1" thickBot="1" x14ac:dyDescent="0.2">
      <c r="A24" s="89"/>
      <c r="B24" s="89"/>
      <c r="C24" s="90"/>
      <c r="D24" s="91"/>
      <c r="N24" s="40"/>
      <c r="O24" s="40"/>
      <c r="Q24" s="94"/>
      <c r="AQ24" s="95"/>
      <c r="AR24" s="95"/>
      <c r="AS24" s="20"/>
      <c r="AT24" s="20"/>
      <c r="AU24" s="96"/>
      <c r="AV24" s="96"/>
      <c r="AW24" s="96"/>
      <c r="AX24" s="96"/>
    </row>
    <row r="25" spans="1:51" ht="11.25" customHeight="1" x14ac:dyDescent="0.15">
      <c r="A25" s="15"/>
      <c r="B25" s="15"/>
      <c r="C25" s="15"/>
      <c r="D25" s="15"/>
      <c r="E25" s="15"/>
      <c r="F25" s="15"/>
      <c r="G25" s="15"/>
      <c r="H25" s="15"/>
      <c r="I25" s="15"/>
      <c r="J25" s="16"/>
      <c r="K25" s="525" t="s">
        <v>59</v>
      </c>
      <c r="L25" s="525"/>
      <c r="M25" s="525"/>
      <c r="N25" s="525"/>
      <c r="O25" s="525"/>
      <c r="P25" s="552"/>
      <c r="Q25" s="556" t="s">
        <v>60</v>
      </c>
      <c r="R25" s="557"/>
      <c r="S25" s="557"/>
      <c r="T25" s="557"/>
      <c r="U25" s="557"/>
      <c r="V25" s="557"/>
      <c r="W25" s="557"/>
      <c r="X25" s="557"/>
      <c r="Y25" s="557"/>
      <c r="Z25" s="557"/>
      <c r="AA25" s="99"/>
      <c r="AB25" s="18"/>
      <c r="AC25" s="98"/>
      <c r="AD25" s="98"/>
      <c r="AE25" s="98"/>
      <c r="AF25" s="98"/>
      <c r="AG25" s="98"/>
      <c r="AH25" s="98"/>
      <c r="AI25" s="98"/>
      <c r="AJ25" s="98"/>
      <c r="AK25" s="18"/>
      <c r="AL25" s="18"/>
      <c r="AM25" s="18"/>
      <c r="AN25" s="18"/>
      <c r="AO25" s="18"/>
      <c r="AP25" s="18"/>
      <c r="AQ25" s="18"/>
      <c r="AR25" s="18"/>
      <c r="AS25" s="18"/>
      <c r="AT25" s="18"/>
    </row>
    <row r="26" spans="1:51" ht="18.75" customHeight="1" x14ac:dyDescent="0.15">
      <c r="A26" s="20"/>
      <c r="B26" s="528" t="s">
        <v>61</v>
      </c>
      <c r="C26" s="528"/>
      <c r="D26" s="528"/>
      <c r="E26" s="528"/>
      <c r="F26" s="528"/>
      <c r="G26" s="528"/>
      <c r="H26" s="528"/>
      <c r="I26" s="528"/>
      <c r="J26" s="22"/>
      <c r="K26" s="527"/>
      <c r="L26" s="527"/>
      <c r="M26" s="527"/>
      <c r="N26" s="527"/>
      <c r="O26" s="527"/>
      <c r="P26" s="553"/>
      <c r="Q26" s="558"/>
      <c r="R26" s="559"/>
      <c r="S26" s="559"/>
      <c r="T26" s="559"/>
      <c r="U26" s="559"/>
      <c r="V26" s="559"/>
      <c r="W26" s="559"/>
      <c r="X26" s="559"/>
      <c r="Y26" s="559"/>
      <c r="Z26" s="560"/>
      <c r="AA26" s="561" t="s">
        <v>62</v>
      </c>
      <c r="AB26" s="561"/>
      <c r="AC26" s="561"/>
      <c r="AD26" s="561"/>
      <c r="AE26" s="561"/>
      <c r="AF26" s="561"/>
      <c r="AG26" s="561"/>
      <c r="AH26" s="561"/>
      <c r="AI26" s="561"/>
      <c r="AJ26" s="561"/>
      <c r="AK26" s="561" t="s">
        <v>63</v>
      </c>
      <c r="AL26" s="561"/>
      <c r="AM26" s="561"/>
      <c r="AN26" s="561"/>
      <c r="AO26" s="561"/>
      <c r="AP26" s="561"/>
      <c r="AQ26" s="561"/>
      <c r="AR26" s="561"/>
      <c r="AS26" s="561"/>
      <c r="AT26" s="562"/>
    </row>
    <row r="27" spans="1:51" ht="15" customHeight="1" x14ac:dyDescent="0.15">
      <c r="A27" s="26"/>
      <c r="B27" s="26"/>
      <c r="C27" s="26"/>
      <c r="D27" s="26"/>
      <c r="E27" s="26"/>
      <c r="F27" s="26"/>
      <c r="G27" s="26"/>
      <c r="H27" s="26"/>
      <c r="I27" s="26"/>
      <c r="J27" s="27"/>
      <c r="K27" s="554"/>
      <c r="L27" s="554"/>
      <c r="M27" s="554"/>
      <c r="N27" s="554"/>
      <c r="O27" s="554"/>
      <c r="P27" s="555"/>
      <c r="Q27" s="32"/>
      <c r="R27" s="29"/>
      <c r="S27" s="29"/>
      <c r="T27" s="100"/>
      <c r="U27" s="31"/>
      <c r="V27" s="539" t="s">
        <v>52</v>
      </c>
      <c r="W27" s="539"/>
      <c r="X27" s="539"/>
      <c r="Y27" s="539"/>
      <c r="Z27" s="563"/>
      <c r="AA27" s="102"/>
      <c r="AB27" s="100"/>
      <c r="AC27" s="100"/>
      <c r="AD27" s="26"/>
      <c r="AE27" s="26"/>
      <c r="AF27" s="539" t="s">
        <v>52</v>
      </c>
      <c r="AG27" s="539"/>
      <c r="AH27" s="539"/>
      <c r="AI27" s="539"/>
      <c r="AJ27" s="539"/>
      <c r="AK27" s="102"/>
      <c r="AL27" s="100"/>
      <c r="AM27" s="26"/>
      <c r="AN27" s="26"/>
      <c r="AO27" s="26"/>
      <c r="AP27" s="563" t="s">
        <v>52</v>
      </c>
      <c r="AQ27" s="564"/>
      <c r="AR27" s="564"/>
      <c r="AS27" s="564"/>
      <c r="AT27" s="565"/>
    </row>
    <row r="28" spans="1:51" ht="6" customHeight="1" x14ac:dyDescent="0.15">
      <c r="A28" s="35"/>
      <c r="B28" s="35"/>
      <c r="C28" s="35"/>
      <c r="D28" s="36"/>
      <c r="E28" s="37"/>
      <c r="F28" s="38"/>
      <c r="G28" s="38"/>
      <c r="H28" s="38"/>
      <c r="I28" s="38"/>
      <c r="J28" s="103"/>
      <c r="K28" s="20"/>
      <c r="L28" s="20"/>
      <c r="M28" s="20"/>
      <c r="N28" s="20"/>
      <c r="O28" s="34"/>
      <c r="P28" s="34"/>
      <c r="Q28" s="34"/>
      <c r="R28" s="34"/>
      <c r="S28" s="19"/>
      <c r="T28" s="19"/>
      <c r="U28" s="104"/>
      <c r="V28" s="104"/>
      <c r="W28" s="104"/>
      <c r="X28" s="34"/>
      <c r="Y28" s="34"/>
      <c r="Z28" s="34"/>
      <c r="AA28" s="34"/>
      <c r="AB28" s="19"/>
      <c r="AC28" s="19"/>
      <c r="AD28" s="20"/>
      <c r="AE28" s="20"/>
      <c r="AF28" s="20"/>
      <c r="AG28" s="34"/>
      <c r="AH28" s="34"/>
      <c r="AI28" s="34"/>
      <c r="AJ28" s="34"/>
      <c r="AK28" s="19"/>
      <c r="AL28" s="19"/>
      <c r="AM28" s="20"/>
      <c r="AN28" s="20"/>
      <c r="AO28" s="20"/>
      <c r="AP28" s="34"/>
      <c r="AQ28" s="34"/>
      <c r="AR28" s="34"/>
      <c r="AS28" s="34"/>
      <c r="AT28" s="19"/>
    </row>
    <row r="29" spans="1:51" s="106" customFormat="1" ht="12.75" customHeight="1" x14ac:dyDescent="0.15">
      <c r="A29" s="35"/>
      <c r="B29" s="35"/>
      <c r="C29" s="41"/>
      <c r="D29" s="42"/>
      <c r="E29" s="37"/>
      <c r="F29" s="38"/>
      <c r="G29" s="38"/>
      <c r="H29" s="38"/>
      <c r="I29" s="38"/>
      <c r="J29" s="103"/>
      <c r="K29" s="47"/>
      <c r="L29" s="47"/>
      <c r="M29" s="47"/>
      <c r="N29" s="105"/>
      <c r="P29" s="105" t="s">
        <v>64</v>
      </c>
      <c r="Q29" s="107"/>
      <c r="R29" s="108"/>
      <c r="S29" s="109"/>
      <c r="T29" s="566" t="s">
        <v>40</v>
      </c>
      <c r="U29" s="566"/>
      <c r="V29" s="109"/>
      <c r="Y29" s="109"/>
      <c r="Z29" s="47" t="s">
        <v>43</v>
      </c>
      <c r="AA29" s="109"/>
      <c r="AB29" s="109"/>
      <c r="AC29" s="109"/>
      <c r="AD29" s="566" t="s">
        <v>40</v>
      </c>
      <c r="AE29" s="566"/>
      <c r="AG29" s="109"/>
      <c r="AH29" s="109"/>
      <c r="AI29" s="108"/>
      <c r="AJ29" s="47" t="s">
        <v>43</v>
      </c>
      <c r="AK29" s="109"/>
      <c r="AL29" s="109"/>
      <c r="AM29" s="109"/>
      <c r="AN29" s="566" t="s">
        <v>40</v>
      </c>
      <c r="AO29" s="566"/>
      <c r="AQ29" s="109"/>
      <c r="AR29" s="109"/>
      <c r="AS29" s="108"/>
      <c r="AT29" s="47" t="s">
        <v>43</v>
      </c>
    </row>
    <row r="30" spans="1:51" ht="18.75" customHeight="1" x14ac:dyDescent="0.15">
      <c r="A30" s="48"/>
      <c r="B30" s="540" t="s">
        <v>53</v>
      </c>
      <c r="C30" s="540"/>
      <c r="D30" s="540"/>
      <c r="E30" s="540"/>
      <c r="F30" s="540"/>
      <c r="G30" s="540"/>
      <c r="H30" s="540"/>
      <c r="I30" s="540"/>
      <c r="J30" s="110"/>
      <c r="K30" s="567">
        <v>17.5</v>
      </c>
      <c r="L30" s="567"/>
      <c r="M30" s="567"/>
      <c r="N30" s="567"/>
      <c r="O30" s="567"/>
      <c r="P30" s="567"/>
      <c r="Q30" s="568">
        <v>135.19999999999999</v>
      </c>
      <c r="R30" s="568"/>
      <c r="S30" s="568"/>
      <c r="T30" s="568"/>
      <c r="U30" s="568"/>
      <c r="V30" s="569">
        <v>0.3</v>
      </c>
      <c r="W30" s="569"/>
      <c r="X30" s="569"/>
      <c r="Y30" s="569"/>
      <c r="Z30" s="569"/>
      <c r="AA30" s="568">
        <v>124.9</v>
      </c>
      <c r="AB30" s="568"/>
      <c r="AC30" s="568"/>
      <c r="AD30" s="568"/>
      <c r="AE30" s="568"/>
      <c r="AF30" s="569">
        <v>-0.8</v>
      </c>
      <c r="AG30" s="569"/>
      <c r="AH30" s="569"/>
      <c r="AI30" s="569"/>
      <c r="AJ30" s="569"/>
      <c r="AK30" s="570">
        <v>10.3</v>
      </c>
      <c r="AL30" s="570"/>
      <c r="AM30" s="570"/>
      <c r="AN30" s="570"/>
      <c r="AO30" s="570"/>
      <c r="AP30" s="569">
        <v>13.2</v>
      </c>
      <c r="AQ30" s="569"/>
      <c r="AR30" s="569"/>
      <c r="AS30" s="569"/>
      <c r="AT30" s="569"/>
    </row>
    <row r="31" spans="1:51" ht="6" customHeight="1" x14ac:dyDescent="0.15">
      <c r="B31" s="51"/>
      <c r="C31" s="21"/>
      <c r="D31" s="42"/>
      <c r="E31" s="37"/>
      <c r="F31" s="38"/>
      <c r="G31" s="38"/>
      <c r="H31" s="38"/>
      <c r="I31" s="38"/>
      <c r="J31" s="103"/>
      <c r="K31" s="111"/>
      <c r="L31" s="111"/>
      <c r="M31" s="111"/>
      <c r="N31" s="111"/>
      <c r="O31" s="111"/>
      <c r="P31" s="112"/>
      <c r="Q31" s="113"/>
      <c r="R31" s="113"/>
      <c r="S31" s="113"/>
      <c r="T31" s="113"/>
      <c r="U31" s="113"/>
      <c r="V31" s="114"/>
      <c r="W31" s="115"/>
      <c r="X31" s="115"/>
      <c r="Y31" s="115"/>
      <c r="Z31" s="116"/>
      <c r="AA31" s="113"/>
      <c r="AB31" s="113"/>
      <c r="AC31" s="113"/>
      <c r="AD31" s="113"/>
      <c r="AE31" s="113"/>
      <c r="AF31" s="114"/>
      <c r="AG31" s="115"/>
      <c r="AH31" s="115"/>
      <c r="AI31" s="115"/>
      <c r="AJ31" s="116"/>
      <c r="AK31" s="117"/>
      <c r="AL31" s="117"/>
      <c r="AM31" s="117"/>
      <c r="AN31" s="117"/>
      <c r="AO31" s="117"/>
      <c r="AP31" s="114"/>
      <c r="AQ31" s="115"/>
      <c r="AR31" s="115"/>
      <c r="AS31" s="115"/>
      <c r="AT31" s="116"/>
    </row>
    <row r="32" spans="1:51" ht="18.75" customHeight="1" x14ac:dyDescent="0.15">
      <c r="B32" s="546" t="s">
        <v>54</v>
      </c>
      <c r="C32" s="546"/>
      <c r="D32" s="546"/>
      <c r="E32" s="546"/>
      <c r="F32" s="546"/>
      <c r="G32" s="546"/>
      <c r="H32" s="546"/>
      <c r="I32" s="546"/>
      <c r="J32" s="118"/>
      <c r="K32" s="571">
        <v>18.100000000000001</v>
      </c>
      <c r="L32" s="571"/>
      <c r="M32" s="571"/>
      <c r="N32" s="571"/>
      <c r="O32" s="571"/>
      <c r="P32" s="571"/>
      <c r="Q32" s="572">
        <v>143.30000000000001</v>
      </c>
      <c r="R32" s="572"/>
      <c r="S32" s="572"/>
      <c r="T32" s="572"/>
      <c r="U32" s="572"/>
      <c r="V32" s="573">
        <v>-0.4</v>
      </c>
      <c r="W32" s="573"/>
      <c r="X32" s="573"/>
      <c r="Y32" s="573"/>
      <c r="Z32" s="573"/>
      <c r="AA32" s="572">
        <v>131</v>
      </c>
      <c r="AB32" s="572"/>
      <c r="AC32" s="572"/>
      <c r="AD32" s="572"/>
      <c r="AE32" s="572"/>
      <c r="AF32" s="573">
        <v>-1.4</v>
      </c>
      <c r="AG32" s="573"/>
      <c r="AH32" s="573"/>
      <c r="AI32" s="573"/>
      <c r="AJ32" s="573"/>
      <c r="AK32" s="574">
        <v>12.3</v>
      </c>
      <c r="AL32" s="574"/>
      <c r="AM32" s="574"/>
      <c r="AN32" s="574"/>
      <c r="AO32" s="574"/>
      <c r="AP32" s="573">
        <v>12.9</v>
      </c>
      <c r="AQ32" s="573"/>
      <c r="AR32" s="573"/>
      <c r="AS32" s="573"/>
      <c r="AT32" s="573"/>
    </row>
    <row r="33" spans="1:57" ht="6" customHeight="1" x14ac:dyDescent="0.15">
      <c r="A33" s="51"/>
      <c r="B33" s="51"/>
      <c r="C33" s="21"/>
      <c r="D33" s="42"/>
      <c r="E33" s="37"/>
      <c r="F33" s="38"/>
      <c r="G33" s="38"/>
      <c r="H33" s="38"/>
      <c r="I33" s="38"/>
      <c r="J33" s="103"/>
      <c r="K33" s="119"/>
      <c r="L33" s="119"/>
      <c r="M33" s="119"/>
      <c r="N33" s="119"/>
      <c r="O33" s="119"/>
      <c r="P33" s="120"/>
      <c r="Q33" s="121"/>
      <c r="R33" s="121"/>
      <c r="S33" s="121"/>
      <c r="T33" s="121"/>
      <c r="U33" s="121"/>
      <c r="V33" s="122"/>
      <c r="W33" s="122"/>
      <c r="X33" s="122"/>
      <c r="Y33" s="122"/>
      <c r="Z33" s="123"/>
      <c r="AA33" s="121"/>
      <c r="AB33" s="121"/>
      <c r="AC33" s="121"/>
      <c r="AD33" s="121"/>
      <c r="AE33" s="121"/>
      <c r="AF33" s="122"/>
      <c r="AG33" s="122"/>
      <c r="AH33" s="122"/>
      <c r="AI33" s="122"/>
      <c r="AJ33" s="123"/>
      <c r="AK33" s="124"/>
      <c r="AL33" s="124"/>
      <c r="AM33" s="124"/>
      <c r="AN33" s="124"/>
      <c r="AO33" s="124"/>
      <c r="AP33" s="122"/>
      <c r="AQ33" s="122"/>
      <c r="AR33" s="122"/>
      <c r="AS33" s="122"/>
      <c r="AT33" s="123"/>
      <c r="AU33" s="19"/>
    </row>
    <row r="34" spans="1:57" ht="6" customHeight="1" x14ac:dyDescent="0.15">
      <c r="A34" s="62"/>
      <c r="B34" s="62"/>
      <c r="C34" s="63"/>
      <c r="D34" s="64"/>
      <c r="E34" s="65"/>
      <c r="F34" s="66"/>
      <c r="G34" s="66"/>
      <c r="H34" s="66"/>
      <c r="I34" s="66"/>
      <c r="J34" s="125"/>
      <c r="K34" s="111"/>
      <c r="L34" s="111"/>
      <c r="M34" s="111"/>
      <c r="N34" s="111"/>
      <c r="O34" s="111"/>
      <c r="P34" s="112"/>
      <c r="Q34" s="113"/>
      <c r="R34" s="113"/>
      <c r="S34" s="113"/>
      <c r="T34" s="113"/>
      <c r="U34" s="113"/>
      <c r="V34" s="114"/>
      <c r="W34" s="115"/>
      <c r="X34" s="115"/>
      <c r="Y34" s="115"/>
      <c r="Z34" s="116"/>
      <c r="AA34" s="113"/>
      <c r="AB34" s="113"/>
      <c r="AC34" s="113"/>
      <c r="AD34" s="113"/>
      <c r="AE34" s="113"/>
      <c r="AF34" s="114"/>
      <c r="AG34" s="115"/>
      <c r="AH34" s="115"/>
      <c r="AI34" s="115"/>
      <c r="AJ34" s="116"/>
      <c r="AK34" s="117"/>
      <c r="AL34" s="117"/>
      <c r="AM34" s="117"/>
      <c r="AN34" s="117"/>
      <c r="AO34" s="117"/>
      <c r="AP34" s="114"/>
      <c r="AQ34" s="115"/>
      <c r="AR34" s="115"/>
      <c r="AS34" s="115"/>
      <c r="AT34" s="116"/>
      <c r="AU34" s="19"/>
    </row>
    <row r="35" spans="1:57" ht="18.75" customHeight="1" x14ac:dyDescent="0.15">
      <c r="A35" s="48"/>
      <c r="B35" s="540" t="s">
        <v>55</v>
      </c>
      <c r="C35" s="540"/>
      <c r="D35" s="540"/>
      <c r="E35" s="540"/>
      <c r="F35" s="540"/>
      <c r="G35" s="540"/>
      <c r="H35" s="540"/>
      <c r="I35" s="540"/>
      <c r="J35" s="110"/>
      <c r="K35" s="567">
        <v>18.8</v>
      </c>
      <c r="L35" s="567"/>
      <c r="M35" s="567"/>
      <c r="N35" s="567"/>
      <c r="O35" s="567"/>
      <c r="P35" s="567"/>
      <c r="Q35" s="568">
        <v>155.5</v>
      </c>
      <c r="R35" s="568"/>
      <c r="S35" s="568"/>
      <c r="T35" s="568"/>
      <c r="U35" s="568"/>
      <c r="V35" s="569">
        <v>-0.4</v>
      </c>
      <c r="W35" s="569"/>
      <c r="X35" s="569"/>
      <c r="Y35" s="569"/>
      <c r="Z35" s="569"/>
      <c r="AA35" s="568">
        <v>141.19999999999999</v>
      </c>
      <c r="AB35" s="568"/>
      <c r="AC35" s="568"/>
      <c r="AD35" s="568"/>
      <c r="AE35" s="568"/>
      <c r="AF35" s="569">
        <v>-0.4</v>
      </c>
      <c r="AG35" s="569"/>
      <c r="AH35" s="569"/>
      <c r="AI35" s="569"/>
      <c r="AJ35" s="569"/>
      <c r="AK35" s="570">
        <v>14.3</v>
      </c>
      <c r="AL35" s="570"/>
      <c r="AM35" s="570"/>
      <c r="AN35" s="570"/>
      <c r="AO35" s="570"/>
      <c r="AP35" s="569">
        <v>-0.6</v>
      </c>
      <c r="AQ35" s="569"/>
      <c r="AR35" s="569"/>
      <c r="AS35" s="569"/>
      <c r="AT35" s="569"/>
      <c r="AU35" s="19"/>
    </row>
    <row r="36" spans="1:57" ht="6" customHeight="1" x14ac:dyDescent="0.15">
      <c r="B36" s="51"/>
      <c r="C36" s="21"/>
      <c r="D36" s="42"/>
      <c r="E36" s="37"/>
      <c r="F36" s="38"/>
      <c r="G36" s="38"/>
      <c r="H36" s="38"/>
      <c r="I36" s="38"/>
      <c r="J36" s="103"/>
      <c r="K36" s="111"/>
      <c r="L36" s="111"/>
      <c r="M36" s="111"/>
      <c r="N36" s="111"/>
      <c r="O36" s="111"/>
      <c r="P36" s="112"/>
      <c r="Q36" s="113"/>
      <c r="R36" s="113"/>
      <c r="S36" s="113"/>
      <c r="T36" s="113"/>
      <c r="U36" s="113"/>
      <c r="V36" s="114"/>
      <c r="W36" s="115"/>
      <c r="X36" s="115"/>
      <c r="Y36" s="115"/>
      <c r="Z36" s="116"/>
      <c r="AA36" s="113"/>
      <c r="AB36" s="113"/>
      <c r="AC36" s="113"/>
      <c r="AD36" s="113"/>
      <c r="AE36" s="113"/>
      <c r="AF36" s="114"/>
      <c r="AG36" s="115"/>
      <c r="AH36" s="115"/>
      <c r="AI36" s="115"/>
      <c r="AJ36" s="116"/>
      <c r="AK36" s="117"/>
      <c r="AL36" s="117"/>
      <c r="AM36" s="117"/>
      <c r="AN36" s="117"/>
      <c r="AO36" s="117"/>
      <c r="AP36" s="114"/>
      <c r="AQ36" s="115"/>
      <c r="AR36" s="115"/>
      <c r="AS36" s="115"/>
      <c r="AT36" s="116"/>
    </row>
    <row r="37" spans="1:57" ht="18.75" customHeight="1" x14ac:dyDescent="0.15">
      <c r="B37" s="546" t="s">
        <v>56</v>
      </c>
      <c r="C37" s="546"/>
      <c r="D37" s="546"/>
      <c r="E37" s="546"/>
      <c r="F37" s="546"/>
      <c r="G37" s="546"/>
      <c r="H37" s="546"/>
      <c r="I37" s="546"/>
      <c r="J37" s="118"/>
      <c r="K37" s="571">
        <v>18</v>
      </c>
      <c r="L37" s="571"/>
      <c r="M37" s="571"/>
      <c r="N37" s="571"/>
      <c r="O37" s="571"/>
      <c r="P37" s="571"/>
      <c r="Q37" s="572">
        <v>141.4</v>
      </c>
      <c r="R37" s="572"/>
      <c r="S37" s="572"/>
      <c r="T37" s="572"/>
      <c r="U37" s="572"/>
      <c r="V37" s="573">
        <v>-0.3</v>
      </c>
      <c r="W37" s="573"/>
      <c r="X37" s="573"/>
      <c r="Y37" s="573"/>
      <c r="Z37" s="573"/>
      <c r="AA37" s="572">
        <v>128.6</v>
      </c>
      <c r="AB37" s="572"/>
      <c r="AC37" s="572"/>
      <c r="AD37" s="572"/>
      <c r="AE37" s="572"/>
      <c r="AF37" s="573">
        <v>-0.9</v>
      </c>
      <c r="AG37" s="573"/>
      <c r="AH37" s="573"/>
      <c r="AI37" s="573"/>
      <c r="AJ37" s="573"/>
      <c r="AK37" s="574">
        <v>12.8</v>
      </c>
      <c r="AL37" s="574"/>
      <c r="AM37" s="574"/>
      <c r="AN37" s="574"/>
      <c r="AO37" s="574"/>
      <c r="AP37" s="573">
        <v>6.6</v>
      </c>
      <c r="AQ37" s="573"/>
      <c r="AR37" s="573"/>
      <c r="AS37" s="573"/>
      <c r="AT37" s="573"/>
    </row>
    <row r="38" spans="1:57" ht="6" customHeight="1" x14ac:dyDescent="0.15">
      <c r="B38" s="51"/>
      <c r="C38" s="21"/>
      <c r="D38" s="42"/>
      <c r="E38" s="37"/>
      <c r="F38" s="38"/>
      <c r="G38" s="38"/>
      <c r="H38" s="38"/>
      <c r="I38" s="38"/>
      <c r="J38" s="103"/>
      <c r="K38" s="111"/>
      <c r="L38" s="111"/>
      <c r="M38" s="111"/>
      <c r="N38" s="111"/>
      <c r="O38" s="111"/>
      <c r="P38" s="112"/>
      <c r="Q38" s="113"/>
      <c r="R38" s="113"/>
      <c r="S38" s="113"/>
      <c r="T38" s="113"/>
      <c r="U38" s="113"/>
      <c r="V38" s="114"/>
      <c r="W38" s="115"/>
      <c r="X38" s="115"/>
      <c r="Y38" s="115"/>
      <c r="Z38" s="116"/>
      <c r="AA38" s="113"/>
      <c r="AB38" s="113"/>
      <c r="AC38" s="113"/>
      <c r="AD38" s="113"/>
      <c r="AE38" s="113"/>
      <c r="AF38" s="114"/>
      <c r="AG38" s="115"/>
      <c r="AH38" s="115"/>
      <c r="AI38" s="115"/>
      <c r="AJ38" s="116"/>
      <c r="AK38" s="117"/>
      <c r="AL38" s="117"/>
      <c r="AM38" s="117"/>
      <c r="AN38" s="117"/>
      <c r="AO38" s="117"/>
      <c r="AP38" s="114"/>
      <c r="AQ38" s="115"/>
      <c r="AR38" s="115"/>
      <c r="AS38" s="115"/>
      <c r="AT38" s="116"/>
    </row>
    <row r="39" spans="1:57" ht="18.75" customHeight="1" x14ac:dyDescent="0.15">
      <c r="A39" s="48"/>
      <c r="B39" s="540" t="s">
        <v>57</v>
      </c>
      <c r="C39" s="540"/>
      <c r="D39" s="540"/>
      <c r="E39" s="540"/>
      <c r="F39" s="540"/>
      <c r="G39" s="540"/>
      <c r="H39" s="540"/>
      <c r="I39" s="540"/>
      <c r="J39" s="110"/>
      <c r="K39" s="567">
        <v>17.8</v>
      </c>
      <c r="L39" s="567"/>
      <c r="M39" s="567"/>
      <c r="N39" s="567"/>
      <c r="O39" s="567"/>
      <c r="P39" s="567"/>
      <c r="Q39" s="568">
        <v>138.69999999999999</v>
      </c>
      <c r="R39" s="568"/>
      <c r="S39" s="568"/>
      <c r="T39" s="568"/>
      <c r="U39" s="568"/>
      <c r="V39" s="569">
        <v>-0.1</v>
      </c>
      <c r="W39" s="569"/>
      <c r="X39" s="569"/>
      <c r="Y39" s="569"/>
      <c r="Z39" s="569"/>
      <c r="AA39" s="568">
        <v>127.7</v>
      </c>
      <c r="AB39" s="568"/>
      <c r="AC39" s="568"/>
      <c r="AD39" s="568"/>
      <c r="AE39" s="568"/>
      <c r="AF39" s="569">
        <v>-2.4</v>
      </c>
      <c r="AG39" s="569"/>
      <c r="AH39" s="569"/>
      <c r="AI39" s="569"/>
      <c r="AJ39" s="569"/>
      <c r="AK39" s="570">
        <v>11</v>
      </c>
      <c r="AL39" s="570"/>
      <c r="AM39" s="570"/>
      <c r="AN39" s="570"/>
      <c r="AO39" s="570"/>
      <c r="AP39" s="569">
        <v>35.799999999999997</v>
      </c>
      <c r="AQ39" s="569"/>
      <c r="AR39" s="569"/>
      <c r="AS39" s="569"/>
      <c r="AT39" s="569"/>
    </row>
    <row r="40" spans="1:57" ht="6" customHeight="1" x14ac:dyDescent="0.15">
      <c r="B40" s="51"/>
      <c r="C40" s="21"/>
      <c r="D40" s="42"/>
      <c r="E40" s="37"/>
      <c r="F40" s="38"/>
      <c r="G40" s="38"/>
      <c r="H40" s="38"/>
      <c r="I40" s="38"/>
      <c r="J40" s="103"/>
      <c r="K40" s="111"/>
      <c r="L40" s="111"/>
      <c r="M40" s="111"/>
      <c r="N40" s="111"/>
      <c r="O40" s="111"/>
      <c r="P40" s="112"/>
      <c r="Q40" s="113"/>
      <c r="R40" s="113"/>
      <c r="S40" s="113"/>
      <c r="T40" s="113"/>
      <c r="U40" s="113"/>
      <c r="V40" s="114"/>
      <c r="W40" s="115"/>
      <c r="X40" s="115"/>
      <c r="Y40" s="115"/>
      <c r="Z40" s="116"/>
      <c r="AA40" s="113"/>
      <c r="AB40" s="113"/>
      <c r="AC40" s="113"/>
      <c r="AD40" s="113"/>
      <c r="AE40" s="113"/>
      <c r="AF40" s="114"/>
      <c r="AG40" s="115"/>
      <c r="AH40" s="115"/>
      <c r="AI40" s="115"/>
      <c r="AJ40" s="116"/>
      <c r="AK40" s="117"/>
      <c r="AL40" s="117"/>
      <c r="AM40" s="117"/>
      <c r="AN40" s="117"/>
      <c r="AO40" s="117"/>
      <c r="AP40" s="114"/>
      <c r="AQ40" s="115"/>
      <c r="AR40" s="115"/>
      <c r="AS40" s="115"/>
      <c r="AT40" s="116"/>
    </row>
    <row r="41" spans="1:57" ht="18.75" customHeight="1" x14ac:dyDescent="0.15">
      <c r="B41" s="546" t="s">
        <v>58</v>
      </c>
      <c r="C41" s="546"/>
      <c r="D41" s="546"/>
      <c r="E41" s="546"/>
      <c r="F41" s="546"/>
      <c r="G41" s="546"/>
      <c r="H41" s="546"/>
      <c r="I41" s="546"/>
      <c r="J41" s="118"/>
      <c r="K41" s="571">
        <v>16.7</v>
      </c>
      <c r="L41" s="571"/>
      <c r="M41" s="571"/>
      <c r="N41" s="571"/>
      <c r="O41" s="571"/>
      <c r="P41" s="571"/>
      <c r="Q41" s="572">
        <v>122.3</v>
      </c>
      <c r="R41" s="572"/>
      <c r="S41" s="572"/>
      <c r="T41" s="572"/>
      <c r="U41" s="572"/>
      <c r="V41" s="573">
        <v>1.3</v>
      </c>
      <c r="W41" s="573"/>
      <c r="X41" s="573"/>
      <c r="Y41" s="573"/>
      <c r="Z41" s="573"/>
      <c r="AA41" s="572">
        <v>115.2</v>
      </c>
      <c r="AB41" s="572"/>
      <c r="AC41" s="572"/>
      <c r="AD41" s="572"/>
      <c r="AE41" s="572"/>
      <c r="AF41" s="573">
        <v>0.5</v>
      </c>
      <c r="AG41" s="573"/>
      <c r="AH41" s="573"/>
      <c r="AI41" s="573"/>
      <c r="AJ41" s="573"/>
      <c r="AK41" s="574">
        <v>7.1</v>
      </c>
      <c r="AL41" s="574"/>
      <c r="AM41" s="574"/>
      <c r="AN41" s="574"/>
      <c r="AO41" s="574"/>
      <c r="AP41" s="573">
        <v>14.5</v>
      </c>
      <c r="AQ41" s="573"/>
      <c r="AR41" s="573"/>
      <c r="AS41" s="573"/>
      <c r="AT41" s="573"/>
    </row>
    <row r="42" spans="1:57" ht="6" customHeight="1" thickBot="1" x14ac:dyDescent="0.2">
      <c r="A42" s="76"/>
      <c r="B42" s="76"/>
      <c r="C42" s="77"/>
      <c r="D42" s="78"/>
      <c r="E42" s="79"/>
      <c r="F42" s="80"/>
      <c r="G42" s="80"/>
      <c r="H42" s="80"/>
      <c r="I42" s="80"/>
      <c r="J42" s="81"/>
      <c r="K42" s="126"/>
      <c r="L42" s="126"/>
      <c r="M42" s="126"/>
      <c r="N42" s="127"/>
      <c r="O42" s="127"/>
      <c r="P42" s="83"/>
      <c r="Q42" s="84"/>
      <c r="R42" s="83"/>
      <c r="S42" s="83"/>
      <c r="T42" s="128"/>
      <c r="U42" s="128"/>
      <c r="V42" s="128"/>
      <c r="W42" s="129"/>
      <c r="X42" s="129"/>
      <c r="Y42" s="83"/>
      <c r="Z42" s="83"/>
      <c r="AA42" s="83"/>
      <c r="AB42" s="83"/>
      <c r="AC42" s="128"/>
      <c r="AD42" s="128"/>
      <c r="AE42" s="128"/>
      <c r="AF42" s="129"/>
      <c r="AG42" s="129"/>
      <c r="AH42" s="83"/>
      <c r="AI42" s="83"/>
      <c r="AJ42" s="83"/>
      <c r="AK42" s="83"/>
      <c r="AL42" s="83"/>
      <c r="AM42" s="83"/>
      <c r="AN42" s="83"/>
      <c r="AO42" s="83"/>
      <c r="AP42" s="83"/>
      <c r="AQ42" s="83"/>
      <c r="AR42" s="83"/>
      <c r="AS42" s="83"/>
      <c r="AT42" s="83"/>
    </row>
    <row r="43" spans="1:57" ht="37.5" customHeight="1" thickBot="1" x14ac:dyDescent="0.2">
      <c r="A43" s="89"/>
      <c r="B43" s="89"/>
      <c r="C43" s="90"/>
      <c r="D43" s="42"/>
      <c r="E43" s="37"/>
      <c r="F43" s="38"/>
      <c r="G43" s="38"/>
      <c r="H43" s="38"/>
      <c r="I43" s="38"/>
      <c r="J43" s="38"/>
      <c r="K43" s="38"/>
      <c r="L43" s="38"/>
      <c r="M43" s="38"/>
      <c r="N43" s="40"/>
      <c r="O43" s="40"/>
      <c r="P43" s="19"/>
      <c r="Q43" s="130"/>
      <c r="R43" s="19"/>
      <c r="S43" s="19"/>
      <c r="T43" s="19"/>
      <c r="U43" s="19"/>
      <c r="V43" s="19"/>
      <c r="W43" s="19"/>
      <c r="X43" s="19"/>
      <c r="Y43" s="19"/>
      <c r="Z43" s="19"/>
      <c r="AA43" s="19"/>
      <c r="AB43" s="19"/>
      <c r="AC43" s="19"/>
      <c r="AD43" s="19"/>
      <c r="AE43" s="19"/>
      <c r="AF43" s="19"/>
      <c r="AG43" s="19"/>
      <c r="AH43" s="19"/>
      <c r="AI43" s="19"/>
      <c r="AJ43" s="19"/>
      <c r="AK43" s="19"/>
      <c r="AL43" s="19"/>
      <c r="AM43" s="19"/>
      <c r="AN43" s="19"/>
      <c r="AO43" s="19"/>
      <c r="AP43" s="19"/>
      <c r="AQ43" s="20"/>
      <c r="AR43" s="20"/>
      <c r="AS43" s="96"/>
      <c r="AT43" s="96"/>
      <c r="AU43" s="20"/>
      <c r="AV43" s="131"/>
      <c r="AW43" s="131"/>
      <c r="AX43" s="131"/>
    </row>
    <row r="44" spans="1:57" ht="15" customHeight="1" x14ac:dyDescent="0.15">
      <c r="A44" s="15"/>
      <c r="B44" s="15"/>
      <c r="C44" s="15"/>
      <c r="D44" s="15"/>
      <c r="E44" s="15"/>
      <c r="F44" s="15"/>
      <c r="G44" s="15"/>
      <c r="H44" s="15"/>
      <c r="I44" s="15"/>
      <c r="J44" s="16"/>
      <c r="K44" s="524" t="s">
        <v>65</v>
      </c>
      <c r="L44" s="525"/>
      <c r="M44" s="525"/>
      <c r="N44" s="525"/>
      <c r="O44" s="525"/>
      <c r="P44" s="525"/>
      <c r="Q44" s="525"/>
      <c r="R44" s="525"/>
      <c r="S44" s="525"/>
      <c r="T44" s="98"/>
      <c r="U44" s="98"/>
      <c r="V44" s="98"/>
      <c r="W44" s="98"/>
      <c r="X44" s="98"/>
      <c r="Y44" s="98"/>
      <c r="Z44" s="98"/>
      <c r="AA44" s="98"/>
      <c r="AB44" s="98"/>
      <c r="AC44" s="575" t="s">
        <v>66</v>
      </c>
      <c r="AD44" s="576"/>
      <c r="AE44" s="576"/>
      <c r="AF44" s="576"/>
      <c r="AG44" s="576"/>
      <c r="AH44" s="576"/>
      <c r="AI44" s="576"/>
      <c r="AJ44" s="576"/>
      <c r="AK44" s="576"/>
      <c r="AL44" s="576"/>
      <c r="AM44" s="576"/>
      <c r="AN44" s="576"/>
      <c r="AO44" s="576"/>
      <c r="AP44" s="576"/>
      <c r="AQ44" s="576"/>
      <c r="AR44" s="576"/>
      <c r="AS44" s="576"/>
      <c r="AT44" s="576"/>
      <c r="BE44" s="132"/>
    </row>
    <row r="45" spans="1:57" ht="18.75" customHeight="1" x14ac:dyDescent="0.15">
      <c r="A45" s="20"/>
      <c r="B45" s="528" t="s">
        <v>61</v>
      </c>
      <c r="C45" s="528"/>
      <c r="D45" s="528"/>
      <c r="E45" s="528"/>
      <c r="F45" s="528"/>
      <c r="G45" s="528"/>
      <c r="H45" s="528"/>
      <c r="I45" s="528"/>
      <c r="J45" s="22"/>
      <c r="K45" s="526"/>
      <c r="L45" s="527"/>
      <c r="M45" s="527"/>
      <c r="N45" s="527"/>
      <c r="O45" s="527"/>
      <c r="P45" s="527"/>
      <c r="Q45" s="527"/>
      <c r="R45" s="527"/>
      <c r="S45" s="527"/>
      <c r="T45" s="562" t="s">
        <v>67</v>
      </c>
      <c r="U45" s="577"/>
      <c r="V45" s="577"/>
      <c r="W45" s="577"/>
      <c r="X45" s="577"/>
      <c r="Y45" s="577"/>
      <c r="Z45" s="577"/>
      <c r="AA45" s="577"/>
      <c r="AB45" s="577"/>
      <c r="AC45" s="562" t="s">
        <v>68</v>
      </c>
      <c r="AD45" s="577"/>
      <c r="AE45" s="577"/>
      <c r="AF45" s="577"/>
      <c r="AG45" s="577"/>
      <c r="AH45" s="577"/>
      <c r="AI45" s="577"/>
      <c r="AJ45" s="577"/>
      <c r="AK45" s="578"/>
      <c r="AL45" s="562" t="s">
        <v>69</v>
      </c>
      <c r="AM45" s="577"/>
      <c r="AN45" s="577"/>
      <c r="AO45" s="577"/>
      <c r="AP45" s="577"/>
      <c r="AQ45" s="577"/>
      <c r="AR45" s="577"/>
      <c r="AS45" s="577"/>
      <c r="AT45" s="577"/>
      <c r="BE45" s="133"/>
    </row>
    <row r="46" spans="1:57" ht="15" customHeight="1" x14ac:dyDescent="0.15">
      <c r="A46" s="26"/>
      <c r="B46" s="26"/>
      <c r="C46" s="26"/>
      <c r="D46" s="26"/>
      <c r="E46" s="26"/>
      <c r="F46" s="26"/>
      <c r="G46" s="26"/>
      <c r="H46" s="26"/>
      <c r="I46" s="26"/>
      <c r="J46" s="27"/>
      <c r="K46" s="28"/>
      <c r="L46" s="26"/>
      <c r="M46" s="26"/>
      <c r="N46" s="26"/>
      <c r="O46" s="539" t="s">
        <v>52</v>
      </c>
      <c r="P46" s="539"/>
      <c r="Q46" s="539"/>
      <c r="R46" s="539"/>
      <c r="S46" s="563"/>
      <c r="T46" s="102"/>
      <c r="U46" s="31"/>
      <c r="V46" s="31"/>
      <c r="W46" s="31"/>
      <c r="X46" s="539" t="s">
        <v>70</v>
      </c>
      <c r="Y46" s="539"/>
      <c r="Z46" s="539"/>
      <c r="AA46" s="539"/>
      <c r="AB46" s="539"/>
      <c r="AC46" s="102"/>
      <c r="AD46" s="26"/>
      <c r="AE46" s="26"/>
      <c r="AF46" s="26"/>
      <c r="AG46" s="539" t="s">
        <v>71</v>
      </c>
      <c r="AH46" s="539"/>
      <c r="AI46" s="539"/>
      <c r="AJ46" s="539"/>
      <c r="AK46" s="563"/>
      <c r="AL46" s="102"/>
      <c r="AM46" s="26"/>
      <c r="AN46" s="26"/>
      <c r="AO46" s="26"/>
      <c r="AP46" s="539" t="s">
        <v>71</v>
      </c>
      <c r="AQ46" s="539"/>
      <c r="AR46" s="539"/>
      <c r="AS46" s="539"/>
      <c r="AT46" s="539"/>
      <c r="BE46" s="133"/>
    </row>
    <row r="47" spans="1:57" ht="6" customHeight="1" x14ac:dyDescent="0.15">
      <c r="A47" s="35"/>
      <c r="B47" s="35"/>
      <c r="C47" s="35"/>
      <c r="D47" s="36"/>
      <c r="E47" s="37"/>
      <c r="F47" s="38"/>
      <c r="G47" s="38"/>
      <c r="H47" s="38"/>
      <c r="I47" s="38"/>
      <c r="J47" s="38"/>
      <c r="K47" s="134"/>
      <c r="L47" s="20"/>
      <c r="M47" s="20"/>
      <c r="N47" s="20"/>
      <c r="O47" s="34"/>
      <c r="P47" s="34"/>
      <c r="Q47" s="34"/>
      <c r="R47" s="34"/>
      <c r="S47" s="19"/>
      <c r="T47" s="19"/>
      <c r="U47" s="104"/>
      <c r="V47" s="104"/>
      <c r="W47" s="104"/>
      <c r="X47" s="34"/>
      <c r="Y47" s="34"/>
      <c r="Z47" s="34"/>
      <c r="AA47" s="34"/>
      <c r="AB47" s="19"/>
      <c r="AC47" s="19"/>
      <c r="AD47" s="20"/>
      <c r="AE47" s="20"/>
      <c r="AF47" s="20"/>
      <c r="AG47" s="34"/>
      <c r="AH47" s="34"/>
      <c r="AI47" s="34"/>
      <c r="AJ47" s="34"/>
      <c r="AK47" s="19"/>
      <c r="AL47" s="19"/>
      <c r="AM47" s="20"/>
      <c r="AN47" s="20"/>
      <c r="AO47" s="20"/>
      <c r="AP47" s="34"/>
      <c r="AQ47" s="34"/>
      <c r="AR47" s="34"/>
      <c r="AS47" s="34"/>
      <c r="AT47" s="19"/>
      <c r="BE47" s="133"/>
    </row>
    <row r="48" spans="1:57" s="106" customFormat="1" ht="12.75" customHeight="1" x14ac:dyDescent="0.15">
      <c r="A48" s="35"/>
      <c r="B48" s="35"/>
      <c r="C48" s="41"/>
      <c r="D48" s="42"/>
      <c r="E48" s="37"/>
      <c r="F48" s="38"/>
      <c r="G48" s="38"/>
      <c r="H48" s="38"/>
      <c r="I48" s="38"/>
      <c r="J48" s="38"/>
      <c r="K48" s="135"/>
      <c r="L48" s="47"/>
      <c r="M48" s="47"/>
      <c r="N48" s="105"/>
      <c r="O48" s="108"/>
      <c r="P48" s="105" t="s">
        <v>72</v>
      </c>
      <c r="Q48" s="107"/>
      <c r="R48" s="109"/>
      <c r="S48" s="47" t="s">
        <v>43</v>
      </c>
      <c r="T48" s="109"/>
      <c r="U48" s="109"/>
      <c r="V48" s="109"/>
      <c r="W48" s="108"/>
      <c r="X48" s="566" t="s">
        <v>72</v>
      </c>
      <c r="Y48" s="566"/>
      <c r="Z48" s="109"/>
      <c r="AA48" s="109"/>
      <c r="AB48" s="47" t="s">
        <v>43</v>
      </c>
      <c r="AC48" s="109"/>
      <c r="AD48" s="109"/>
      <c r="AE48" s="109"/>
      <c r="AF48" s="47" t="s">
        <v>43</v>
      </c>
      <c r="AH48" s="109"/>
      <c r="AI48" s="109"/>
      <c r="AJ48" s="108"/>
      <c r="AK48" s="47" t="s">
        <v>73</v>
      </c>
      <c r="AL48" s="109"/>
      <c r="AM48" s="109"/>
      <c r="AN48" s="109"/>
      <c r="AO48" s="47" t="s">
        <v>43</v>
      </c>
      <c r="AQ48" s="109"/>
      <c r="AR48" s="109"/>
      <c r="AS48" s="108"/>
      <c r="AT48" s="47" t="s">
        <v>73</v>
      </c>
      <c r="BE48" s="19"/>
    </row>
    <row r="49" spans="1:57" ht="18.75" customHeight="1" x14ac:dyDescent="0.15">
      <c r="A49" s="48"/>
      <c r="B49" s="540" t="s">
        <v>53</v>
      </c>
      <c r="C49" s="540"/>
      <c r="D49" s="540"/>
      <c r="E49" s="540"/>
      <c r="F49" s="540"/>
      <c r="G49" s="540"/>
      <c r="H49" s="540"/>
      <c r="I49" s="540"/>
      <c r="J49" s="49"/>
      <c r="K49" s="541">
        <v>3095284</v>
      </c>
      <c r="L49" s="542"/>
      <c r="M49" s="542"/>
      <c r="N49" s="542"/>
      <c r="O49" s="542"/>
      <c r="P49" s="542"/>
      <c r="Q49" s="543">
        <v>1</v>
      </c>
      <c r="R49" s="543"/>
      <c r="S49" s="543"/>
      <c r="T49" s="542">
        <v>1158746</v>
      </c>
      <c r="U49" s="542"/>
      <c r="V49" s="542"/>
      <c r="W49" s="542"/>
      <c r="X49" s="542"/>
      <c r="Y49" s="542"/>
      <c r="Z49" s="543">
        <v>37.4</v>
      </c>
      <c r="AA49" s="543"/>
      <c r="AB49" s="543"/>
      <c r="AC49" s="579">
        <v>2.19</v>
      </c>
      <c r="AD49" s="579"/>
      <c r="AE49" s="579"/>
      <c r="AF49" s="579"/>
      <c r="AG49" s="579"/>
      <c r="AH49" s="580">
        <v>-0.19</v>
      </c>
      <c r="AI49" s="580"/>
      <c r="AJ49" s="580"/>
      <c r="AK49" s="580"/>
      <c r="AL49" s="579">
        <v>1.76</v>
      </c>
      <c r="AM49" s="579"/>
      <c r="AN49" s="579"/>
      <c r="AO49" s="579"/>
      <c r="AP49" s="579"/>
      <c r="AQ49" s="580">
        <v>-0.25</v>
      </c>
      <c r="AR49" s="580"/>
      <c r="AS49" s="580"/>
      <c r="AT49" s="580"/>
      <c r="BE49" s="19"/>
    </row>
    <row r="50" spans="1:57" ht="6" customHeight="1" x14ac:dyDescent="0.15">
      <c r="B50" s="51"/>
      <c r="C50" s="21"/>
      <c r="D50" s="42"/>
      <c r="E50" s="37"/>
      <c r="F50" s="38"/>
      <c r="G50" s="38"/>
      <c r="H50" s="38"/>
      <c r="I50" s="38"/>
      <c r="J50" s="38"/>
      <c r="K50" s="52"/>
      <c r="L50" s="53"/>
      <c r="M50" s="53"/>
      <c r="N50" s="53"/>
      <c r="O50" s="53"/>
      <c r="P50" s="54"/>
      <c r="Q50" s="55"/>
      <c r="R50" s="55"/>
      <c r="S50" s="55"/>
      <c r="T50" s="53"/>
      <c r="U50" s="53"/>
      <c r="V50" s="53"/>
      <c r="W50" s="53"/>
      <c r="X50" s="53"/>
      <c r="Y50" s="54"/>
      <c r="Z50" s="55"/>
      <c r="AA50" s="55"/>
      <c r="AB50" s="55"/>
      <c r="AC50" s="136"/>
      <c r="AD50" s="136"/>
      <c r="AE50" s="136"/>
      <c r="AF50" s="136"/>
      <c r="AG50" s="136"/>
      <c r="AH50" s="137"/>
      <c r="AI50" s="137"/>
      <c r="AJ50" s="137"/>
      <c r="AK50" s="137"/>
      <c r="AL50" s="136"/>
      <c r="AM50" s="136"/>
      <c r="AN50" s="136"/>
      <c r="AO50" s="136"/>
      <c r="AP50" s="136"/>
      <c r="AQ50" s="137"/>
      <c r="AR50" s="137"/>
      <c r="AS50" s="137"/>
      <c r="AT50" s="137"/>
      <c r="BE50" s="19"/>
    </row>
    <row r="51" spans="1:57" ht="18.75" customHeight="1" x14ac:dyDescent="0.15">
      <c r="B51" s="546" t="s">
        <v>54</v>
      </c>
      <c r="C51" s="546"/>
      <c r="D51" s="546"/>
      <c r="E51" s="546"/>
      <c r="F51" s="546"/>
      <c r="G51" s="546"/>
      <c r="H51" s="546"/>
      <c r="I51" s="546"/>
      <c r="J51" s="51"/>
      <c r="K51" s="547">
        <v>1877821</v>
      </c>
      <c r="L51" s="548"/>
      <c r="M51" s="548"/>
      <c r="N51" s="548"/>
      <c r="O51" s="548"/>
      <c r="P51" s="548"/>
      <c r="Q51" s="549">
        <v>-0.4</v>
      </c>
      <c r="R51" s="549"/>
      <c r="S51" s="549"/>
      <c r="T51" s="548">
        <v>586439</v>
      </c>
      <c r="U51" s="548"/>
      <c r="V51" s="548"/>
      <c r="W51" s="548"/>
      <c r="X51" s="548"/>
      <c r="Y51" s="548"/>
      <c r="Z51" s="549">
        <v>31.2</v>
      </c>
      <c r="AA51" s="549"/>
      <c r="AB51" s="549"/>
      <c r="AC51" s="581">
        <v>1.53</v>
      </c>
      <c r="AD51" s="581"/>
      <c r="AE51" s="581"/>
      <c r="AF51" s="581"/>
      <c r="AG51" s="581"/>
      <c r="AH51" s="582">
        <v>-0.06</v>
      </c>
      <c r="AI51" s="582"/>
      <c r="AJ51" s="582"/>
      <c r="AK51" s="582"/>
      <c r="AL51" s="581">
        <v>1.73</v>
      </c>
      <c r="AM51" s="581"/>
      <c r="AN51" s="581"/>
      <c r="AO51" s="581"/>
      <c r="AP51" s="581"/>
      <c r="AQ51" s="582">
        <v>0.32</v>
      </c>
      <c r="AR51" s="582"/>
      <c r="AS51" s="582"/>
      <c r="AT51" s="582"/>
      <c r="BE51" s="61"/>
    </row>
    <row r="52" spans="1:57" ht="6" customHeight="1" x14ac:dyDescent="0.15">
      <c r="A52" s="51"/>
      <c r="B52" s="51"/>
      <c r="C52" s="21"/>
      <c r="D52" s="42"/>
      <c r="E52" s="37"/>
      <c r="F52" s="38"/>
      <c r="G52" s="38"/>
      <c r="H52" s="38"/>
      <c r="I52" s="38"/>
      <c r="J52" s="38"/>
      <c r="K52" s="52"/>
      <c r="L52" s="53"/>
      <c r="M52" s="53"/>
      <c r="N52" s="53"/>
      <c r="O52" s="53"/>
      <c r="P52" s="54"/>
      <c r="Q52" s="55"/>
      <c r="R52" s="55"/>
      <c r="S52" s="55"/>
      <c r="T52" s="53"/>
      <c r="U52" s="53"/>
      <c r="V52" s="53"/>
      <c r="W52" s="53"/>
      <c r="X52" s="53"/>
      <c r="Y52" s="54"/>
      <c r="Z52" s="55"/>
      <c r="AA52" s="55"/>
      <c r="AB52" s="55"/>
      <c r="AC52" s="138"/>
      <c r="AD52" s="138"/>
      <c r="AE52" s="138"/>
      <c r="AF52" s="138"/>
      <c r="AG52" s="138"/>
      <c r="AH52" s="139"/>
      <c r="AI52" s="139"/>
      <c r="AJ52" s="139"/>
      <c r="AK52" s="139"/>
      <c r="AL52" s="138"/>
      <c r="AM52" s="138"/>
      <c r="AN52" s="138"/>
      <c r="AO52" s="138"/>
      <c r="AP52" s="138"/>
      <c r="AQ52" s="139"/>
      <c r="AR52" s="139"/>
      <c r="AS52" s="139"/>
      <c r="AT52" s="139"/>
      <c r="BE52" s="59"/>
    </row>
    <row r="53" spans="1:57" ht="6" customHeight="1" x14ac:dyDescent="0.15">
      <c r="A53" s="62"/>
      <c r="B53" s="62"/>
      <c r="C53" s="63"/>
      <c r="D53" s="64"/>
      <c r="E53" s="65"/>
      <c r="F53" s="66"/>
      <c r="G53" s="66"/>
      <c r="H53" s="66"/>
      <c r="I53" s="66"/>
      <c r="J53" s="66"/>
      <c r="K53" s="67"/>
      <c r="L53" s="68"/>
      <c r="M53" s="68"/>
      <c r="N53" s="68"/>
      <c r="O53" s="68"/>
      <c r="P53" s="69"/>
      <c r="Q53" s="70"/>
      <c r="R53" s="70"/>
      <c r="S53" s="70"/>
      <c r="T53" s="68"/>
      <c r="U53" s="68"/>
      <c r="V53" s="68"/>
      <c r="W53" s="68"/>
      <c r="X53" s="68"/>
      <c r="Y53" s="69"/>
      <c r="Z53" s="70"/>
      <c r="AA53" s="70"/>
      <c r="AB53" s="70"/>
      <c r="AC53" s="140"/>
      <c r="AD53" s="140"/>
      <c r="AE53" s="140"/>
      <c r="AF53" s="140"/>
      <c r="AG53" s="140"/>
      <c r="AH53" s="141"/>
      <c r="AI53" s="141"/>
      <c r="AJ53" s="141"/>
      <c r="AK53" s="141"/>
      <c r="AL53" s="140"/>
      <c r="AM53" s="140"/>
      <c r="AN53" s="140"/>
      <c r="AO53" s="140"/>
      <c r="AP53" s="140"/>
      <c r="AQ53" s="141"/>
      <c r="AR53" s="141"/>
      <c r="AS53" s="141"/>
      <c r="AT53" s="141"/>
      <c r="BE53" s="19"/>
    </row>
    <row r="54" spans="1:57" ht="18.75" customHeight="1" x14ac:dyDescent="0.15">
      <c r="A54" s="48"/>
      <c r="B54" s="540" t="s">
        <v>55</v>
      </c>
      <c r="C54" s="540"/>
      <c r="D54" s="540"/>
      <c r="E54" s="540"/>
      <c r="F54" s="540"/>
      <c r="G54" s="540"/>
      <c r="H54" s="540"/>
      <c r="I54" s="540"/>
      <c r="J54" s="49"/>
      <c r="K54" s="541">
        <v>421102</v>
      </c>
      <c r="L54" s="542"/>
      <c r="M54" s="542"/>
      <c r="N54" s="542"/>
      <c r="O54" s="542"/>
      <c r="P54" s="542"/>
      <c r="Q54" s="543">
        <v>0.8</v>
      </c>
      <c r="R54" s="543"/>
      <c r="S54" s="543"/>
      <c r="T54" s="542">
        <v>58587</v>
      </c>
      <c r="U54" s="542"/>
      <c r="V54" s="542"/>
      <c r="W54" s="542"/>
      <c r="X54" s="542"/>
      <c r="Y54" s="542"/>
      <c r="Z54" s="543">
        <v>13.9</v>
      </c>
      <c r="AA54" s="543"/>
      <c r="AB54" s="543"/>
      <c r="AC54" s="579">
        <v>1.19</v>
      </c>
      <c r="AD54" s="579"/>
      <c r="AE54" s="579"/>
      <c r="AF54" s="579"/>
      <c r="AG54" s="579"/>
      <c r="AH54" s="580">
        <v>7.0000000000000007E-2</v>
      </c>
      <c r="AI54" s="580"/>
      <c r="AJ54" s="580"/>
      <c r="AK54" s="580"/>
      <c r="AL54" s="579">
        <v>1.39</v>
      </c>
      <c r="AM54" s="579"/>
      <c r="AN54" s="579"/>
      <c r="AO54" s="579"/>
      <c r="AP54" s="579"/>
      <c r="AQ54" s="580">
        <v>0.04</v>
      </c>
      <c r="AR54" s="580"/>
      <c r="AS54" s="580"/>
      <c r="AT54" s="580"/>
      <c r="BE54" s="59"/>
    </row>
    <row r="55" spans="1:57" ht="6" customHeight="1" x14ac:dyDescent="0.15">
      <c r="B55" s="51"/>
      <c r="C55" s="21"/>
      <c r="D55" s="42"/>
      <c r="E55" s="37"/>
      <c r="F55" s="38"/>
      <c r="G55" s="38"/>
      <c r="H55" s="38"/>
      <c r="I55" s="38"/>
      <c r="J55" s="38"/>
      <c r="K55" s="52"/>
      <c r="L55" s="53"/>
      <c r="M55" s="53"/>
      <c r="N55" s="53"/>
      <c r="O55" s="53"/>
      <c r="P55" s="54"/>
      <c r="Q55" s="55"/>
      <c r="R55" s="55"/>
      <c r="S55" s="55"/>
      <c r="T55" s="53"/>
      <c r="U55" s="53"/>
      <c r="V55" s="53"/>
      <c r="W55" s="53"/>
      <c r="X55" s="53"/>
      <c r="Y55" s="54"/>
      <c r="Z55" s="55"/>
      <c r="AA55" s="55"/>
      <c r="AB55" s="55"/>
      <c r="AC55" s="136"/>
      <c r="AD55" s="136"/>
      <c r="AE55" s="136"/>
      <c r="AF55" s="136"/>
      <c r="AG55" s="136"/>
      <c r="AH55" s="137"/>
      <c r="AI55" s="137"/>
      <c r="AJ55" s="137"/>
      <c r="AK55" s="137"/>
      <c r="AL55" s="136"/>
      <c r="AM55" s="136"/>
      <c r="AN55" s="136"/>
      <c r="AO55" s="136"/>
      <c r="AP55" s="136"/>
      <c r="AQ55" s="137"/>
      <c r="AR55" s="137"/>
      <c r="AS55" s="137"/>
      <c r="AT55" s="137"/>
      <c r="BE55" s="9"/>
    </row>
    <row r="56" spans="1:57" ht="18.75" customHeight="1" x14ac:dyDescent="0.15">
      <c r="B56" s="546" t="s">
        <v>56</v>
      </c>
      <c r="C56" s="546"/>
      <c r="D56" s="546"/>
      <c r="E56" s="546"/>
      <c r="F56" s="546"/>
      <c r="G56" s="546"/>
      <c r="H56" s="546"/>
      <c r="I56" s="546"/>
      <c r="J56" s="51"/>
      <c r="K56" s="547">
        <v>643471</v>
      </c>
      <c r="L56" s="548"/>
      <c r="M56" s="548"/>
      <c r="N56" s="548"/>
      <c r="O56" s="548"/>
      <c r="P56" s="548"/>
      <c r="Q56" s="549">
        <v>-1.8</v>
      </c>
      <c r="R56" s="549"/>
      <c r="S56" s="549"/>
      <c r="T56" s="548">
        <v>222106</v>
      </c>
      <c r="U56" s="548"/>
      <c r="V56" s="548"/>
      <c r="W56" s="548"/>
      <c r="X56" s="548"/>
      <c r="Y56" s="548"/>
      <c r="Z56" s="549">
        <v>34.5</v>
      </c>
      <c r="AA56" s="549"/>
      <c r="AB56" s="549"/>
      <c r="AC56" s="581">
        <v>1.53</v>
      </c>
      <c r="AD56" s="581"/>
      <c r="AE56" s="581"/>
      <c r="AF56" s="581"/>
      <c r="AG56" s="581"/>
      <c r="AH56" s="582">
        <v>0.05</v>
      </c>
      <c r="AI56" s="582"/>
      <c r="AJ56" s="582"/>
      <c r="AK56" s="582"/>
      <c r="AL56" s="581">
        <v>1.9</v>
      </c>
      <c r="AM56" s="581"/>
      <c r="AN56" s="581"/>
      <c r="AO56" s="581"/>
      <c r="AP56" s="581"/>
      <c r="AQ56" s="582">
        <v>0.49</v>
      </c>
      <c r="AR56" s="582"/>
      <c r="AS56" s="582"/>
      <c r="AT56" s="582"/>
      <c r="BE56" s="59"/>
    </row>
    <row r="57" spans="1:57" ht="6" customHeight="1" x14ac:dyDescent="0.15">
      <c r="B57" s="51"/>
      <c r="C57" s="21"/>
      <c r="D57" s="42"/>
      <c r="E57" s="37"/>
      <c r="F57" s="38"/>
      <c r="G57" s="38"/>
      <c r="H57" s="38"/>
      <c r="I57" s="38"/>
      <c r="J57" s="38"/>
      <c r="K57" s="52"/>
      <c r="L57" s="53"/>
      <c r="M57" s="53"/>
      <c r="N57" s="53"/>
      <c r="O57" s="53"/>
      <c r="P57" s="54"/>
      <c r="Q57" s="55"/>
      <c r="R57" s="55"/>
      <c r="S57" s="55"/>
      <c r="T57" s="53"/>
      <c r="U57" s="53"/>
      <c r="V57" s="53"/>
      <c r="W57" s="53"/>
      <c r="X57" s="53"/>
      <c r="Y57" s="54"/>
      <c r="Z57" s="55"/>
      <c r="AA57" s="55"/>
      <c r="AB57" s="55"/>
      <c r="AC57" s="136"/>
      <c r="AD57" s="136"/>
      <c r="AE57" s="136"/>
      <c r="AF57" s="136"/>
      <c r="AG57" s="136"/>
      <c r="AH57" s="137"/>
      <c r="AI57" s="137"/>
      <c r="AJ57" s="137"/>
      <c r="AK57" s="137"/>
      <c r="AL57" s="136"/>
      <c r="AM57" s="136"/>
      <c r="AN57" s="136"/>
      <c r="AO57" s="136"/>
      <c r="AP57" s="136"/>
      <c r="AQ57" s="137"/>
      <c r="AR57" s="137"/>
      <c r="AS57" s="137"/>
      <c r="AT57" s="137"/>
      <c r="BE57" s="9"/>
    </row>
    <row r="58" spans="1:57" ht="18.75" customHeight="1" x14ac:dyDescent="0.15">
      <c r="A58" s="48"/>
      <c r="B58" s="540" t="s">
        <v>57</v>
      </c>
      <c r="C58" s="540"/>
      <c r="D58" s="540"/>
      <c r="E58" s="540"/>
      <c r="F58" s="540"/>
      <c r="G58" s="540"/>
      <c r="H58" s="540"/>
      <c r="I58" s="540"/>
      <c r="J58" s="49"/>
      <c r="K58" s="541">
        <v>813248</v>
      </c>
      <c r="L58" s="542"/>
      <c r="M58" s="542"/>
      <c r="N58" s="542"/>
      <c r="O58" s="542"/>
      <c r="P58" s="542"/>
      <c r="Q58" s="543">
        <v>0.2</v>
      </c>
      <c r="R58" s="543"/>
      <c r="S58" s="543"/>
      <c r="T58" s="542">
        <v>305746</v>
      </c>
      <c r="U58" s="542"/>
      <c r="V58" s="542"/>
      <c r="W58" s="542"/>
      <c r="X58" s="542"/>
      <c r="Y58" s="542"/>
      <c r="Z58" s="543">
        <v>37.6</v>
      </c>
      <c r="AA58" s="543"/>
      <c r="AB58" s="543"/>
      <c r="AC58" s="579">
        <v>1.7</v>
      </c>
      <c r="AD58" s="579"/>
      <c r="AE58" s="579"/>
      <c r="AF58" s="579"/>
      <c r="AG58" s="579"/>
      <c r="AH58" s="580">
        <v>-0.22</v>
      </c>
      <c r="AI58" s="580"/>
      <c r="AJ58" s="580"/>
      <c r="AK58" s="580"/>
      <c r="AL58" s="579">
        <v>1.77</v>
      </c>
      <c r="AM58" s="579"/>
      <c r="AN58" s="579"/>
      <c r="AO58" s="579"/>
      <c r="AP58" s="579"/>
      <c r="AQ58" s="580">
        <v>0.32</v>
      </c>
      <c r="AR58" s="580"/>
      <c r="AS58" s="580"/>
      <c r="AT58" s="580"/>
      <c r="BE58" s="59"/>
    </row>
    <row r="59" spans="1:57" ht="6" customHeight="1" x14ac:dyDescent="0.15">
      <c r="B59" s="51"/>
      <c r="C59" s="21"/>
      <c r="D59" s="42"/>
      <c r="E59" s="37"/>
      <c r="F59" s="38"/>
      <c r="G59" s="38"/>
      <c r="H59" s="38"/>
      <c r="I59" s="38"/>
      <c r="J59" s="38"/>
      <c r="K59" s="52"/>
      <c r="L59" s="53"/>
      <c r="M59" s="53"/>
      <c r="N59" s="53"/>
      <c r="O59" s="53"/>
      <c r="P59" s="54"/>
      <c r="Q59" s="55"/>
      <c r="R59" s="55"/>
      <c r="S59" s="55"/>
      <c r="T59" s="53"/>
      <c r="U59" s="53"/>
      <c r="V59" s="53"/>
      <c r="W59" s="53"/>
      <c r="X59" s="53"/>
      <c r="Y59" s="54"/>
      <c r="Z59" s="55"/>
      <c r="AA59" s="55"/>
      <c r="AB59" s="55"/>
      <c r="AC59" s="136"/>
      <c r="AD59" s="136"/>
      <c r="AE59" s="136"/>
      <c r="AF59" s="136"/>
      <c r="AG59" s="136"/>
      <c r="AH59" s="137"/>
      <c r="AI59" s="137"/>
      <c r="AJ59" s="137"/>
      <c r="AK59" s="137"/>
      <c r="AL59" s="136"/>
      <c r="AM59" s="136"/>
      <c r="AN59" s="136"/>
      <c r="AO59" s="136"/>
      <c r="AP59" s="136"/>
      <c r="AQ59" s="137"/>
      <c r="AR59" s="137"/>
      <c r="AS59" s="137"/>
      <c r="AT59" s="137"/>
      <c r="BE59" s="9"/>
    </row>
    <row r="60" spans="1:57" ht="18.75" customHeight="1" x14ac:dyDescent="0.15">
      <c r="B60" s="546" t="s">
        <v>58</v>
      </c>
      <c r="C60" s="546"/>
      <c r="D60" s="546"/>
      <c r="E60" s="546"/>
      <c r="F60" s="546"/>
      <c r="G60" s="546"/>
      <c r="H60" s="546"/>
      <c r="I60" s="546"/>
      <c r="J60" s="51"/>
      <c r="K60" s="547">
        <v>1217463</v>
      </c>
      <c r="L60" s="548"/>
      <c r="M60" s="548"/>
      <c r="N60" s="548"/>
      <c r="O60" s="548"/>
      <c r="P60" s="548"/>
      <c r="Q60" s="549">
        <v>3.1</v>
      </c>
      <c r="R60" s="549"/>
      <c r="S60" s="549"/>
      <c r="T60" s="548">
        <v>572307</v>
      </c>
      <c r="U60" s="548"/>
      <c r="V60" s="548"/>
      <c r="W60" s="548"/>
      <c r="X60" s="548"/>
      <c r="Y60" s="548"/>
      <c r="Z60" s="549">
        <v>47</v>
      </c>
      <c r="AA60" s="549"/>
      <c r="AB60" s="549"/>
      <c r="AC60" s="581">
        <v>3.22</v>
      </c>
      <c r="AD60" s="581"/>
      <c r="AE60" s="581"/>
      <c r="AF60" s="581"/>
      <c r="AG60" s="581"/>
      <c r="AH60" s="582">
        <v>-0.42</v>
      </c>
      <c r="AI60" s="582"/>
      <c r="AJ60" s="582"/>
      <c r="AK60" s="582"/>
      <c r="AL60" s="581">
        <v>1.82</v>
      </c>
      <c r="AM60" s="581"/>
      <c r="AN60" s="581"/>
      <c r="AO60" s="581"/>
      <c r="AP60" s="581"/>
      <c r="AQ60" s="582">
        <v>-1.1399999999999999</v>
      </c>
      <c r="AR60" s="582"/>
      <c r="AS60" s="582"/>
      <c r="AT60" s="582"/>
      <c r="BE60" s="132"/>
    </row>
    <row r="61" spans="1:57" ht="6" customHeight="1" thickBot="1" x14ac:dyDescent="0.2">
      <c r="A61" s="76"/>
      <c r="B61" s="76"/>
      <c r="C61" s="77"/>
      <c r="D61" s="78"/>
      <c r="E61" s="79"/>
      <c r="F61" s="80"/>
      <c r="G61" s="80"/>
      <c r="H61" s="80"/>
      <c r="I61" s="80"/>
      <c r="J61" s="80"/>
      <c r="K61" s="142"/>
      <c r="L61" s="80"/>
      <c r="M61" s="80"/>
      <c r="N61" s="82"/>
      <c r="O61" s="82"/>
      <c r="P61" s="83"/>
      <c r="Q61" s="83"/>
      <c r="R61" s="83"/>
      <c r="S61" s="83"/>
      <c r="T61" s="83"/>
      <c r="U61" s="83"/>
      <c r="V61" s="83"/>
      <c r="W61" s="83"/>
      <c r="X61" s="83"/>
      <c r="Y61" s="83"/>
      <c r="Z61" s="83"/>
      <c r="AA61" s="83"/>
      <c r="AB61" s="83"/>
      <c r="AC61" s="83"/>
      <c r="AD61" s="83"/>
      <c r="AE61" s="83"/>
      <c r="AF61" s="83"/>
      <c r="AG61" s="83"/>
      <c r="AH61" s="83"/>
      <c r="AI61" s="83"/>
      <c r="AJ61" s="83"/>
      <c r="AK61" s="83"/>
      <c r="AL61" s="83"/>
      <c r="AM61" s="83"/>
      <c r="AN61" s="83"/>
      <c r="AO61" s="83"/>
      <c r="AP61" s="83"/>
      <c r="AQ61" s="83"/>
      <c r="AR61" s="83"/>
      <c r="AS61" s="83"/>
      <c r="AT61" s="87"/>
      <c r="AU61" s="35"/>
      <c r="AV61" s="35"/>
      <c r="AW61" s="35"/>
      <c r="AX61" s="35"/>
    </row>
    <row r="62" spans="1:57" ht="10.5" customHeight="1" x14ac:dyDescent="0.15">
      <c r="A62" s="35"/>
      <c r="B62" s="35"/>
      <c r="C62" s="35"/>
      <c r="D62" s="36"/>
      <c r="E62" s="143"/>
      <c r="F62" s="36"/>
      <c r="G62" s="36"/>
      <c r="H62" s="36"/>
      <c r="I62" s="143"/>
      <c r="J62" s="143"/>
      <c r="K62" s="144"/>
      <c r="L62" s="144"/>
      <c r="M62" s="144"/>
      <c r="N62" s="40"/>
      <c r="O62" s="40"/>
      <c r="P62" s="19"/>
      <c r="Q62" s="19"/>
      <c r="R62" s="19"/>
      <c r="S62" s="19"/>
      <c r="T62" s="19"/>
      <c r="U62" s="19"/>
      <c r="V62" s="19"/>
      <c r="W62" s="19"/>
      <c r="X62" s="19"/>
      <c r="Y62" s="19"/>
      <c r="Z62" s="19"/>
      <c r="AA62" s="19"/>
      <c r="AB62" s="19"/>
      <c r="AC62" s="19"/>
      <c r="AD62" s="19"/>
      <c r="AE62" s="19"/>
      <c r="AF62" s="19"/>
      <c r="AG62" s="19"/>
      <c r="AH62" s="19"/>
      <c r="AI62" s="19"/>
      <c r="AJ62" s="19"/>
      <c r="AK62" s="19"/>
      <c r="AL62" s="19"/>
      <c r="AM62" s="19"/>
      <c r="AN62" s="19"/>
      <c r="AO62" s="19"/>
      <c r="AP62" s="19"/>
      <c r="AQ62" s="19"/>
      <c r="AR62" s="19"/>
      <c r="AS62" s="19"/>
      <c r="AT62" s="19"/>
      <c r="AU62" s="19"/>
      <c r="AV62" s="19"/>
      <c r="AW62" s="19"/>
      <c r="AX62" s="19"/>
    </row>
    <row r="63" spans="1:57" x14ac:dyDescent="0.15">
      <c r="D63" s="36"/>
      <c r="E63" s="37"/>
      <c r="F63" s="38"/>
      <c r="G63" s="38"/>
      <c r="H63" s="38"/>
      <c r="I63" s="38"/>
      <c r="J63" s="38"/>
      <c r="K63" s="38"/>
      <c r="L63" s="38"/>
      <c r="M63" s="38"/>
      <c r="N63" s="40"/>
      <c r="O63" s="40"/>
      <c r="P63" s="19"/>
      <c r="Q63" s="19"/>
      <c r="R63" s="19"/>
      <c r="S63" s="19"/>
      <c r="T63" s="19"/>
      <c r="U63" s="19"/>
      <c r="V63" s="19"/>
      <c r="W63" s="19"/>
      <c r="X63" s="19"/>
      <c r="Y63" s="19"/>
      <c r="Z63" s="19"/>
      <c r="AA63" s="19"/>
      <c r="AB63" s="19"/>
      <c r="AC63" s="19"/>
      <c r="AD63" s="19"/>
      <c r="AE63" s="19"/>
      <c r="AF63" s="19"/>
      <c r="AG63" s="19"/>
      <c r="AH63" s="19"/>
      <c r="AI63" s="19"/>
      <c r="AJ63" s="19"/>
      <c r="AK63" s="19"/>
      <c r="AL63" s="19"/>
      <c r="AM63" s="19"/>
      <c r="AN63" s="19"/>
      <c r="AO63" s="19"/>
      <c r="AP63" s="19"/>
      <c r="AQ63" s="19"/>
      <c r="AR63" s="19"/>
      <c r="AS63" s="19"/>
      <c r="AT63" s="19"/>
      <c r="AU63" s="19"/>
      <c r="AV63" s="19"/>
      <c r="AW63" s="19"/>
      <c r="AX63" s="19"/>
    </row>
    <row r="64" spans="1:57" x14ac:dyDescent="0.15">
      <c r="D64" s="36"/>
      <c r="E64" s="37"/>
      <c r="F64" s="38"/>
      <c r="G64" s="38"/>
      <c r="H64" s="38"/>
      <c r="I64" s="38"/>
      <c r="J64" s="38"/>
      <c r="K64" s="38"/>
      <c r="L64" s="38"/>
      <c r="M64" s="38"/>
      <c r="N64" s="40"/>
      <c r="O64" s="40"/>
      <c r="P64" s="19"/>
      <c r="Q64" s="19"/>
      <c r="R64" s="19"/>
      <c r="S64" s="19"/>
      <c r="T64" s="19"/>
      <c r="U64" s="19"/>
      <c r="V64" s="19"/>
      <c r="W64" s="19"/>
      <c r="X64" s="19"/>
      <c r="Y64" s="19"/>
      <c r="Z64" s="19"/>
      <c r="AA64" s="19"/>
      <c r="AB64" s="19"/>
      <c r="AC64" s="19"/>
      <c r="AD64" s="19"/>
      <c r="AE64" s="19"/>
      <c r="AF64" s="19"/>
      <c r="AG64" s="19"/>
      <c r="AH64" s="19"/>
      <c r="AI64" s="19"/>
      <c r="AJ64" s="19"/>
      <c r="AK64" s="19"/>
      <c r="AL64" s="19"/>
      <c r="AM64" s="19"/>
      <c r="AN64" s="19"/>
      <c r="AO64" s="19"/>
      <c r="AP64" s="19"/>
      <c r="AQ64" s="19"/>
      <c r="AR64" s="19"/>
      <c r="AS64" s="19"/>
      <c r="AT64" s="19"/>
      <c r="AU64" s="19"/>
      <c r="AV64" s="19"/>
      <c r="AW64" s="19"/>
      <c r="AX64" s="19"/>
    </row>
    <row r="65" spans="1:50" x14ac:dyDescent="0.15">
      <c r="D65" s="132"/>
      <c r="E65" s="145"/>
      <c r="F65" s="132"/>
      <c r="G65" s="132"/>
      <c r="H65" s="132"/>
      <c r="I65" s="146"/>
      <c r="J65" s="146"/>
      <c r="K65" s="38"/>
      <c r="L65" s="38"/>
      <c r="M65" s="38"/>
      <c r="N65" s="40"/>
      <c r="O65" s="40"/>
      <c r="P65" s="19"/>
      <c r="Q65" s="19"/>
      <c r="R65" s="19"/>
      <c r="S65" s="19"/>
      <c r="T65" s="19"/>
      <c r="U65" s="19"/>
      <c r="V65" s="19"/>
      <c r="W65" s="19"/>
      <c r="X65" s="19"/>
      <c r="Y65" s="19"/>
      <c r="Z65" s="19"/>
      <c r="AA65" s="19"/>
      <c r="AB65" s="19"/>
      <c r="AC65" s="19"/>
      <c r="AD65" s="19"/>
      <c r="AE65" s="19"/>
      <c r="AF65" s="19"/>
      <c r="AG65" s="19"/>
      <c r="AH65" s="19"/>
      <c r="AI65" s="19"/>
      <c r="AJ65" s="19"/>
      <c r="AK65" s="19"/>
      <c r="AL65" s="19"/>
      <c r="AM65" s="19"/>
      <c r="AN65" s="19"/>
      <c r="AO65" s="19"/>
      <c r="AP65" s="19"/>
      <c r="AQ65" s="19"/>
      <c r="AR65" s="19"/>
      <c r="AS65" s="19"/>
      <c r="AT65" s="19"/>
      <c r="AU65" s="19"/>
      <c r="AV65" s="19"/>
      <c r="AW65" s="19"/>
      <c r="AX65" s="19"/>
    </row>
    <row r="66" spans="1:50" x14ac:dyDescent="0.15">
      <c r="D66" s="36"/>
      <c r="E66" s="37"/>
      <c r="F66" s="38"/>
      <c r="G66" s="38"/>
      <c r="H66" s="38"/>
      <c r="I66" s="38"/>
      <c r="J66" s="38"/>
      <c r="K66" s="38"/>
      <c r="L66" s="38"/>
      <c r="M66" s="38"/>
      <c r="N66" s="40"/>
      <c r="O66" s="40"/>
      <c r="P66" s="19"/>
      <c r="Q66" s="19"/>
      <c r="R66" s="19"/>
      <c r="S66" s="19"/>
      <c r="T66" s="19"/>
      <c r="U66" s="19"/>
      <c r="V66" s="19"/>
      <c r="W66" s="19"/>
      <c r="X66" s="19"/>
      <c r="Y66" s="19"/>
      <c r="Z66" s="19"/>
      <c r="AA66" s="19"/>
      <c r="AB66" s="19"/>
      <c r="AC66" s="19"/>
      <c r="AD66" s="19"/>
      <c r="AE66" s="19"/>
      <c r="AF66" s="19"/>
      <c r="AG66" s="19"/>
      <c r="AH66" s="19"/>
      <c r="AI66" s="19"/>
      <c r="AJ66" s="19"/>
      <c r="AK66" s="19"/>
      <c r="AL66" s="19"/>
      <c r="AM66" s="19"/>
      <c r="AN66" s="19"/>
      <c r="AO66" s="19"/>
      <c r="AP66" s="19"/>
      <c r="AQ66" s="19"/>
      <c r="AR66" s="19"/>
      <c r="AS66" s="19"/>
      <c r="AT66" s="19"/>
      <c r="AU66" s="19"/>
      <c r="AV66" s="19"/>
      <c r="AW66" s="19"/>
      <c r="AX66" s="19"/>
    </row>
    <row r="67" spans="1:50" x14ac:dyDescent="0.15">
      <c r="D67" s="36"/>
      <c r="E67" s="37"/>
      <c r="F67" s="38"/>
      <c r="G67" s="38"/>
      <c r="H67" s="38"/>
      <c r="I67" s="38"/>
      <c r="J67" s="38"/>
      <c r="K67" s="38"/>
      <c r="L67" s="38"/>
      <c r="M67" s="38"/>
      <c r="N67" s="40"/>
      <c r="O67" s="40"/>
      <c r="P67" s="19"/>
      <c r="Q67" s="19"/>
      <c r="R67" s="19"/>
      <c r="S67" s="19"/>
      <c r="T67" s="19"/>
      <c r="U67" s="19"/>
      <c r="V67" s="19"/>
      <c r="W67" s="19"/>
      <c r="X67" s="19"/>
      <c r="Y67" s="19"/>
      <c r="Z67" s="19"/>
      <c r="AA67" s="19"/>
      <c r="AB67" s="19"/>
      <c r="AC67" s="19"/>
      <c r="AD67" s="19"/>
      <c r="AE67" s="19"/>
      <c r="AF67" s="19"/>
      <c r="AG67" s="19"/>
      <c r="AH67" s="19"/>
      <c r="AI67" s="19"/>
      <c r="AJ67" s="19"/>
      <c r="AK67" s="19"/>
      <c r="AL67" s="19"/>
      <c r="AM67" s="19"/>
      <c r="AN67" s="19"/>
      <c r="AO67" s="19"/>
      <c r="AP67" s="19"/>
      <c r="AQ67" s="19"/>
      <c r="AR67" s="19"/>
      <c r="AS67" s="19"/>
      <c r="AT67" s="19"/>
      <c r="AU67" s="19"/>
      <c r="AV67" s="19"/>
      <c r="AW67" s="19"/>
      <c r="AX67" s="19"/>
    </row>
    <row r="68" spans="1:50" x14ac:dyDescent="0.15">
      <c r="D68" s="36"/>
      <c r="E68" s="37"/>
      <c r="F68" s="38"/>
      <c r="G68" s="38"/>
      <c r="H68" s="38"/>
      <c r="I68" s="38"/>
      <c r="J68" s="38"/>
      <c r="K68" s="38"/>
      <c r="L68" s="38"/>
      <c r="M68" s="38"/>
      <c r="N68" s="40"/>
      <c r="O68" s="40"/>
      <c r="P68" s="19"/>
      <c r="Q68" s="19"/>
      <c r="R68" s="19"/>
      <c r="S68" s="19"/>
      <c r="T68" s="19"/>
      <c r="U68" s="19"/>
      <c r="V68" s="19"/>
      <c r="W68" s="19"/>
      <c r="X68" s="19"/>
      <c r="Y68" s="19"/>
      <c r="Z68" s="19"/>
      <c r="AA68" s="19"/>
      <c r="AB68" s="19"/>
      <c r="AC68" s="19"/>
      <c r="AD68" s="19"/>
      <c r="AE68" s="19"/>
      <c r="AF68" s="19"/>
      <c r="AG68" s="19"/>
      <c r="AH68" s="19"/>
      <c r="AI68" s="19"/>
      <c r="AJ68" s="19"/>
      <c r="AK68" s="19"/>
      <c r="AL68" s="19"/>
      <c r="AM68" s="19"/>
      <c r="AN68" s="19"/>
      <c r="AO68" s="19"/>
      <c r="AP68" s="19"/>
      <c r="AQ68" s="19"/>
      <c r="AR68" s="19"/>
      <c r="AS68" s="19"/>
      <c r="AT68" s="19"/>
      <c r="AU68" s="19"/>
      <c r="AV68" s="19"/>
      <c r="AW68" s="19"/>
      <c r="AX68" s="19"/>
    </row>
    <row r="69" spans="1:50" x14ac:dyDescent="0.15">
      <c r="D69" s="36"/>
      <c r="E69" s="37"/>
      <c r="F69" s="38"/>
      <c r="G69" s="38"/>
      <c r="H69" s="38"/>
      <c r="I69" s="38"/>
      <c r="J69" s="38"/>
      <c r="K69" s="38"/>
      <c r="L69" s="38"/>
      <c r="M69" s="38"/>
      <c r="N69" s="40"/>
      <c r="O69" s="40"/>
      <c r="P69" s="19"/>
      <c r="Q69" s="19"/>
      <c r="R69" s="19"/>
      <c r="S69" s="19"/>
      <c r="T69" s="19"/>
      <c r="U69" s="19"/>
      <c r="V69" s="19"/>
      <c r="W69" s="19"/>
      <c r="X69" s="19"/>
      <c r="Y69" s="19"/>
      <c r="Z69" s="19"/>
      <c r="AA69" s="19"/>
      <c r="AB69" s="19"/>
      <c r="AC69" s="19"/>
      <c r="AD69" s="19"/>
      <c r="AE69" s="19"/>
      <c r="AF69" s="19"/>
      <c r="AG69" s="19"/>
      <c r="AH69" s="19"/>
      <c r="AI69" s="19"/>
      <c r="AJ69" s="19"/>
      <c r="AK69" s="19"/>
      <c r="AL69" s="19"/>
      <c r="AM69" s="19"/>
      <c r="AN69" s="19"/>
      <c r="AO69" s="19"/>
      <c r="AP69" s="19"/>
      <c r="AQ69" s="19"/>
      <c r="AR69" s="19"/>
      <c r="AS69" s="19"/>
      <c r="AT69" s="19"/>
      <c r="AU69" s="19"/>
      <c r="AV69" s="19"/>
      <c r="AW69" s="19"/>
      <c r="AX69" s="19"/>
    </row>
    <row r="70" spans="1:50" x14ac:dyDescent="0.15">
      <c r="A70" s="89"/>
      <c r="B70" s="89"/>
      <c r="C70" s="89"/>
      <c r="D70" s="36"/>
      <c r="E70" s="37"/>
      <c r="F70" s="38"/>
      <c r="G70" s="38"/>
      <c r="H70" s="38"/>
      <c r="I70" s="38"/>
      <c r="J70" s="38"/>
      <c r="K70" s="38"/>
      <c r="L70" s="38"/>
      <c r="M70" s="38"/>
      <c r="N70" s="40"/>
      <c r="O70" s="40"/>
      <c r="P70" s="19"/>
      <c r="Q70" s="19"/>
      <c r="R70" s="19"/>
      <c r="S70" s="19"/>
      <c r="T70" s="19"/>
      <c r="U70" s="19"/>
      <c r="V70" s="19"/>
      <c r="W70" s="19"/>
      <c r="X70" s="19"/>
      <c r="Y70" s="19"/>
      <c r="Z70" s="19"/>
      <c r="AA70" s="19"/>
      <c r="AB70" s="19"/>
      <c r="AC70" s="19"/>
      <c r="AD70" s="19"/>
      <c r="AE70" s="19"/>
      <c r="AF70" s="19"/>
      <c r="AG70" s="19"/>
      <c r="AH70" s="19"/>
      <c r="AI70" s="19"/>
      <c r="AJ70" s="19"/>
      <c r="AK70" s="19"/>
      <c r="AL70" s="19"/>
      <c r="AM70" s="19"/>
      <c r="AN70" s="19"/>
      <c r="AO70" s="19"/>
      <c r="AP70" s="19"/>
      <c r="AQ70" s="19"/>
      <c r="AR70" s="19"/>
      <c r="AS70" s="19"/>
      <c r="AT70" s="19"/>
      <c r="AU70" s="19"/>
      <c r="AV70" s="19"/>
      <c r="AW70" s="19"/>
      <c r="AX70" s="19"/>
    </row>
    <row r="71" spans="1:50" x14ac:dyDescent="0.15">
      <c r="A71" s="89"/>
      <c r="B71" s="89"/>
      <c r="C71" s="89"/>
      <c r="D71" s="36"/>
      <c r="E71" s="37"/>
      <c r="F71" s="38"/>
      <c r="G71" s="38"/>
      <c r="H71" s="38"/>
      <c r="I71" s="38"/>
      <c r="J71" s="38"/>
      <c r="K71" s="38"/>
      <c r="L71" s="38"/>
      <c r="M71" s="38"/>
      <c r="N71" s="40"/>
      <c r="O71" s="40"/>
      <c r="P71" s="19"/>
      <c r="Q71" s="19"/>
      <c r="R71" s="19"/>
      <c r="S71" s="19"/>
      <c r="T71" s="19"/>
      <c r="U71" s="19"/>
      <c r="V71" s="19"/>
      <c r="W71" s="19"/>
      <c r="X71" s="19"/>
      <c r="Y71" s="19"/>
      <c r="Z71" s="19"/>
      <c r="AA71" s="19"/>
      <c r="AB71" s="19"/>
      <c r="AC71" s="19"/>
      <c r="AD71" s="19"/>
      <c r="AE71" s="19"/>
      <c r="AF71" s="19"/>
      <c r="AG71" s="19"/>
      <c r="AH71" s="19"/>
      <c r="AI71" s="19"/>
      <c r="AJ71" s="19"/>
      <c r="AK71" s="19"/>
      <c r="AL71" s="19"/>
      <c r="AM71" s="19"/>
      <c r="AN71" s="19"/>
      <c r="AO71" s="19"/>
      <c r="AP71" s="19"/>
      <c r="AQ71" s="19"/>
      <c r="AR71" s="19"/>
      <c r="AS71" s="19"/>
      <c r="AT71" s="19"/>
      <c r="AU71" s="19"/>
      <c r="AV71" s="19"/>
      <c r="AW71" s="19"/>
      <c r="AX71" s="19"/>
    </row>
    <row r="72" spans="1:50" x14ac:dyDescent="0.15">
      <c r="A72" s="89"/>
      <c r="B72" s="89"/>
      <c r="C72" s="89"/>
      <c r="D72" s="36"/>
    </row>
    <row r="73" spans="1:50" x14ac:dyDescent="0.15">
      <c r="A73" s="89"/>
      <c r="B73" s="89"/>
      <c r="C73" s="89"/>
      <c r="D73" s="36"/>
    </row>
    <row r="74" spans="1:50" x14ac:dyDescent="0.15">
      <c r="A74" s="89"/>
      <c r="B74" s="89"/>
      <c r="C74" s="89"/>
      <c r="D74" s="36"/>
    </row>
    <row r="75" spans="1:50" x14ac:dyDescent="0.15">
      <c r="A75" s="89"/>
      <c r="B75" s="89"/>
      <c r="C75" s="89"/>
      <c r="D75" s="36"/>
    </row>
    <row r="76" spans="1:50" x14ac:dyDescent="0.15">
      <c r="A76" s="89"/>
      <c r="B76" s="89"/>
      <c r="C76" s="89"/>
      <c r="D76" s="36"/>
    </row>
  </sheetData>
  <mergeCells count="189">
    <mergeCell ref="AH60:AK60"/>
    <mergeCell ref="AL60:AP60"/>
    <mergeCell ref="AQ60:AT60"/>
    <mergeCell ref="B60:I60"/>
    <mergeCell ref="K60:P60"/>
    <mergeCell ref="Q60:S60"/>
    <mergeCell ref="T60:Y60"/>
    <mergeCell ref="Z60:AB60"/>
    <mergeCell ref="AC60:AG60"/>
    <mergeCell ref="B58:I58"/>
    <mergeCell ref="K58:P58"/>
    <mergeCell ref="Q58:S58"/>
    <mergeCell ref="T58:Y58"/>
    <mergeCell ref="Z58:AB58"/>
    <mergeCell ref="AC58:AG58"/>
    <mergeCell ref="AH58:AK58"/>
    <mergeCell ref="AL58:AP58"/>
    <mergeCell ref="AQ58:AT58"/>
    <mergeCell ref="B56:I56"/>
    <mergeCell ref="K56:P56"/>
    <mergeCell ref="Q56:S56"/>
    <mergeCell ref="T56:Y56"/>
    <mergeCell ref="Z56:AB56"/>
    <mergeCell ref="AC56:AG56"/>
    <mergeCell ref="AH56:AK56"/>
    <mergeCell ref="AL56:AP56"/>
    <mergeCell ref="AQ56:AT56"/>
    <mergeCell ref="B54:I54"/>
    <mergeCell ref="K54:P54"/>
    <mergeCell ref="Q54:S54"/>
    <mergeCell ref="T54:Y54"/>
    <mergeCell ref="Z54:AB54"/>
    <mergeCell ref="AC54:AG54"/>
    <mergeCell ref="AH54:AK54"/>
    <mergeCell ref="AL54:AP54"/>
    <mergeCell ref="AQ54:AT54"/>
    <mergeCell ref="AQ49:AT49"/>
    <mergeCell ref="B51:I51"/>
    <mergeCell ref="K51:P51"/>
    <mergeCell ref="Q51:S51"/>
    <mergeCell ref="T51:Y51"/>
    <mergeCell ref="Z51:AB51"/>
    <mergeCell ref="AC51:AG51"/>
    <mergeCell ref="AH51:AK51"/>
    <mergeCell ref="AL51:AP51"/>
    <mergeCell ref="AQ51:AT51"/>
    <mergeCell ref="X48:Y48"/>
    <mergeCell ref="B49:I49"/>
    <mergeCell ref="K49:P49"/>
    <mergeCell ref="Q49:S49"/>
    <mergeCell ref="T49:Y49"/>
    <mergeCell ref="Z49:AB49"/>
    <mergeCell ref="AC49:AG49"/>
    <mergeCell ref="AH49:AK49"/>
    <mergeCell ref="AL49:AP49"/>
    <mergeCell ref="K44:S45"/>
    <mergeCell ref="AC44:AT44"/>
    <mergeCell ref="B45:I45"/>
    <mergeCell ref="T45:AB45"/>
    <mergeCell ref="AC45:AK45"/>
    <mergeCell ref="AL45:AT45"/>
    <mergeCell ref="O46:S46"/>
    <mergeCell ref="X46:AB46"/>
    <mergeCell ref="AG46:AK46"/>
    <mergeCell ref="AP46:AT46"/>
    <mergeCell ref="B39:I39"/>
    <mergeCell ref="K39:P39"/>
    <mergeCell ref="Q39:U39"/>
    <mergeCell ref="V39:Z39"/>
    <mergeCell ref="AA39:AE39"/>
    <mergeCell ref="AF39:AJ39"/>
    <mergeCell ref="AK39:AO39"/>
    <mergeCell ref="AP39:AT39"/>
    <mergeCell ref="B41:I41"/>
    <mergeCell ref="K41:P41"/>
    <mergeCell ref="Q41:U41"/>
    <mergeCell ref="V41:Z41"/>
    <mergeCell ref="AA41:AE41"/>
    <mergeCell ref="AF41:AJ41"/>
    <mergeCell ref="AK41:AO41"/>
    <mergeCell ref="AP41:AT41"/>
    <mergeCell ref="B35:I35"/>
    <mergeCell ref="K35:P35"/>
    <mergeCell ref="Q35:U35"/>
    <mergeCell ref="V35:Z35"/>
    <mergeCell ref="AA35:AE35"/>
    <mergeCell ref="AF35:AJ35"/>
    <mergeCell ref="AK35:AO35"/>
    <mergeCell ref="AP35:AT35"/>
    <mergeCell ref="B37:I37"/>
    <mergeCell ref="K37:P37"/>
    <mergeCell ref="Q37:U37"/>
    <mergeCell ref="V37:Z37"/>
    <mergeCell ref="AA37:AE37"/>
    <mergeCell ref="AF37:AJ37"/>
    <mergeCell ref="AK37:AO37"/>
    <mergeCell ref="AP37:AT37"/>
    <mergeCell ref="B30:I30"/>
    <mergeCell ref="K30:P30"/>
    <mergeCell ref="Q30:U30"/>
    <mergeCell ref="V30:Z30"/>
    <mergeCell ref="AA30:AE30"/>
    <mergeCell ref="AF30:AJ30"/>
    <mergeCell ref="AK30:AO30"/>
    <mergeCell ref="AP30:AT30"/>
    <mergeCell ref="B32:I32"/>
    <mergeCell ref="K32:P32"/>
    <mergeCell ref="Q32:U32"/>
    <mergeCell ref="V32:Z32"/>
    <mergeCell ref="AA32:AE32"/>
    <mergeCell ref="AF32:AJ32"/>
    <mergeCell ref="AK32:AO32"/>
    <mergeCell ref="AP32:AT32"/>
    <mergeCell ref="K25:P27"/>
    <mergeCell ref="Q25:Z26"/>
    <mergeCell ref="B26:I26"/>
    <mergeCell ref="AA26:AJ26"/>
    <mergeCell ref="AK26:AT26"/>
    <mergeCell ref="V27:Z27"/>
    <mergeCell ref="AF27:AJ27"/>
    <mergeCell ref="AP27:AT27"/>
    <mergeCell ref="T29:U29"/>
    <mergeCell ref="AD29:AE29"/>
    <mergeCell ref="AN29:AO29"/>
    <mergeCell ref="B22:I22"/>
    <mergeCell ref="K22:P22"/>
    <mergeCell ref="Q22:S22"/>
    <mergeCell ref="T22:X22"/>
    <mergeCell ref="Y22:AA22"/>
    <mergeCell ref="AB22:AF22"/>
    <mergeCell ref="AG22:AI22"/>
    <mergeCell ref="AJ22:AN22"/>
    <mergeCell ref="AO22:AT22"/>
    <mergeCell ref="B20:I20"/>
    <mergeCell ref="K20:P20"/>
    <mergeCell ref="Q20:S20"/>
    <mergeCell ref="T20:X20"/>
    <mergeCell ref="Y20:AA20"/>
    <mergeCell ref="AB20:AF20"/>
    <mergeCell ref="AG20:AI20"/>
    <mergeCell ref="AJ20:AN20"/>
    <mergeCell ref="AO20:AT20"/>
    <mergeCell ref="B18:I18"/>
    <mergeCell ref="K18:P18"/>
    <mergeCell ref="Q18:S18"/>
    <mergeCell ref="T18:X18"/>
    <mergeCell ref="Y18:AA18"/>
    <mergeCell ref="AB18:AF18"/>
    <mergeCell ref="AG18:AI18"/>
    <mergeCell ref="AJ18:AN18"/>
    <mergeCell ref="AO18:AT18"/>
    <mergeCell ref="B16:I16"/>
    <mergeCell ref="K16:P16"/>
    <mergeCell ref="Q16:S16"/>
    <mergeCell ref="T16:X16"/>
    <mergeCell ref="Y16:AA16"/>
    <mergeCell ref="AB16:AF16"/>
    <mergeCell ref="AG16:AI16"/>
    <mergeCell ref="AJ16:AN16"/>
    <mergeCell ref="AO16:AT16"/>
    <mergeCell ref="B13:I13"/>
    <mergeCell ref="K13:P13"/>
    <mergeCell ref="Q13:S13"/>
    <mergeCell ref="T13:X13"/>
    <mergeCell ref="Y13:AA13"/>
    <mergeCell ref="AB13:AF13"/>
    <mergeCell ref="AG13:AI13"/>
    <mergeCell ref="AJ13:AN13"/>
    <mergeCell ref="AO13:AT13"/>
    <mergeCell ref="B11:I11"/>
    <mergeCell ref="K11:P11"/>
    <mergeCell ref="Q11:S11"/>
    <mergeCell ref="T11:X11"/>
    <mergeCell ref="Y11:AA11"/>
    <mergeCell ref="AB11:AF11"/>
    <mergeCell ref="AG11:AI11"/>
    <mergeCell ref="AJ11:AN11"/>
    <mergeCell ref="AO11:AT11"/>
    <mergeCell ref="A1:J1"/>
    <mergeCell ref="A3:AT3"/>
    <mergeCell ref="K5:S7"/>
    <mergeCell ref="B6:I7"/>
    <mergeCell ref="T6:AA7"/>
    <mergeCell ref="AO6:AT7"/>
    <mergeCell ref="AB7:AI7"/>
    <mergeCell ref="AJ7:AN7"/>
    <mergeCell ref="P8:S8"/>
    <mergeCell ref="X8:AA8"/>
    <mergeCell ref="AF8:AI8"/>
  </mergeCells>
  <phoneticPr fontId="3"/>
  <printOptions horizontalCentered="1"/>
  <pageMargins left="0.59055118110236227" right="0.59055118110236227" top="0.39370078740157483" bottom="0.59055118110236227" header="0" footer="0.19685039370078741"/>
  <pageSetup paperSize="9" scale="99" orientation="portrait" errors="blank" r:id="rId1"/>
  <headerFooter alignWithMargins="0">
    <oddFooter>&amp;C&amp;"HGPｺﾞｼｯｸM,ﾒﾃﾞｨｳﾑ"- 7 -</oddFooter>
  </headerFooter>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6">
    <tabColor indexed="52"/>
  </sheetPr>
  <dimension ref="A1:AK50"/>
  <sheetViews>
    <sheetView view="pageBreakPreview" zoomScaleNormal="85" zoomScaleSheetLayoutView="100" workbookViewId="0">
      <selection sqref="A1:A50"/>
    </sheetView>
  </sheetViews>
  <sheetFormatPr defaultRowHeight="13.5" x14ac:dyDescent="0.15"/>
  <cols>
    <col min="1" max="1" width="4.375" style="321" customWidth="1"/>
    <col min="2" max="2" width="2.5" style="321" customWidth="1"/>
    <col min="3" max="3" width="6.625" style="395" customWidth="1"/>
    <col min="4" max="4" width="3.875" style="395" customWidth="1"/>
    <col min="5" max="32" width="4.875" style="395" customWidth="1"/>
    <col min="33" max="33" width="5.375" style="399" customWidth="1"/>
    <col min="34" max="34" width="5" style="395" customWidth="1"/>
    <col min="35" max="36" width="4.875" style="395" customWidth="1"/>
    <col min="37" max="37" width="9" style="395"/>
  </cols>
  <sheetData>
    <row r="1" spans="1:37" ht="18.75" customHeight="1" x14ac:dyDescent="0.15">
      <c r="A1" s="615" t="s">
        <v>179</v>
      </c>
      <c r="B1" s="212" t="s">
        <v>180</v>
      </c>
      <c r="D1" s="417"/>
      <c r="E1" s="417"/>
      <c r="F1" s="417"/>
      <c r="G1" s="417"/>
      <c r="H1" s="417"/>
      <c r="I1" s="417"/>
      <c r="J1" s="417"/>
      <c r="K1" s="417"/>
      <c r="L1" s="403"/>
      <c r="M1" s="403"/>
      <c r="N1" s="403"/>
      <c r="O1" s="418"/>
      <c r="P1" s="418"/>
      <c r="Q1" s="419"/>
      <c r="R1" s="418"/>
      <c r="S1" s="417"/>
      <c r="T1" s="417"/>
      <c r="U1" s="417"/>
      <c r="V1" s="417"/>
      <c r="W1" s="417"/>
      <c r="X1" s="417"/>
      <c r="Y1" s="417"/>
      <c r="Z1" s="417"/>
      <c r="AA1" s="417"/>
      <c r="AB1" s="417"/>
      <c r="AC1" s="417"/>
      <c r="AD1" s="417"/>
      <c r="AE1" s="417"/>
      <c r="AF1" s="618" t="s">
        <v>181</v>
      </c>
      <c r="AG1" s="618"/>
      <c r="AH1" s="618"/>
      <c r="AI1" s="618"/>
      <c r="AJ1" s="618"/>
    </row>
    <row r="2" spans="1:37" s="424" customFormat="1" ht="3.75" customHeight="1" thickBot="1" x14ac:dyDescent="0.2">
      <c r="A2" s="615"/>
      <c r="B2" s="211"/>
      <c r="C2" s="420"/>
      <c r="D2" s="420"/>
      <c r="E2" s="420"/>
      <c r="F2" s="420"/>
      <c r="G2" s="420"/>
      <c r="H2" s="659"/>
      <c r="I2" s="659"/>
      <c r="J2" s="659"/>
      <c r="K2" s="659"/>
      <c r="L2" s="659"/>
      <c r="M2" s="420"/>
      <c r="N2" s="420"/>
      <c r="O2" s="420"/>
      <c r="P2" s="659"/>
      <c r="Q2" s="659"/>
      <c r="R2" s="659"/>
      <c r="S2" s="659"/>
      <c r="T2" s="659"/>
      <c r="U2" s="420"/>
      <c r="V2" s="420"/>
      <c r="W2" s="420"/>
      <c r="X2" s="422"/>
      <c r="Y2" s="422"/>
      <c r="Z2" s="422"/>
      <c r="AA2" s="422"/>
      <c r="AB2" s="422"/>
      <c r="AC2" s="422"/>
      <c r="AD2" s="422"/>
      <c r="AE2" s="422"/>
      <c r="AF2" s="423"/>
      <c r="AG2" s="423"/>
      <c r="AH2" s="423"/>
      <c r="AI2" s="423"/>
      <c r="AJ2" s="423"/>
      <c r="AK2" s="422"/>
    </row>
    <row r="3" spans="1:37" s="424" customFormat="1" ht="6" customHeight="1" x14ac:dyDescent="0.15">
      <c r="A3" s="615"/>
      <c r="B3" s="425"/>
      <c r="C3" s="660"/>
      <c r="D3" s="661"/>
      <c r="E3" s="426"/>
      <c r="F3" s="427"/>
      <c r="G3" s="428"/>
      <c r="H3" s="429"/>
      <c r="I3" s="426"/>
      <c r="J3" s="429"/>
      <c r="K3" s="426"/>
      <c r="L3" s="429"/>
      <c r="M3" s="426"/>
      <c r="N3" s="429"/>
      <c r="O3" s="426"/>
      <c r="P3" s="429"/>
      <c r="Q3" s="426"/>
      <c r="R3" s="429"/>
      <c r="S3" s="426"/>
      <c r="T3" s="428"/>
      <c r="U3" s="426"/>
      <c r="V3" s="429"/>
      <c r="W3" s="426"/>
      <c r="X3" s="429"/>
      <c r="Y3" s="426"/>
      <c r="Z3" s="429"/>
      <c r="AA3" s="426"/>
      <c r="AB3" s="429"/>
      <c r="AC3" s="426"/>
      <c r="AD3" s="428"/>
      <c r="AE3" s="426"/>
      <c r="AF3" s="429"/>
      <c r="AG3" s="430"/>
      <c r="AH3" s="429"/>
      <c r="AI3" s="426"/>
      <c r="AJ3" s="428"/>
      <c r="AK3" s="422"/>
    </row>
    <row r="4" spans="1:37" s="424" customFormat="1" ht="10.5" customHeight="1" x14ac:dyDescent="0.15">
      <c r="A4" s="615"/>
      <c r="B4" s="431"/>
      <c r="C4" s="662"/>
      <c r="D4" s="663"/>
      <c r="E4" s="652" t="s">
        <v>89</v>
      </c>
      <c r="F4" s="666"/>
      <c r="G4" s="667" t="s">
        <v>1</v>
      </c>
      <c r="H4" s="653"/>
      <c r="I4" s="652" t="s">
        <v>2</v>
      </c>
      <c r="J4" s="653"/>
      <c r="K4" s="652" t="s">
        <v>182</v>
      </c>
      <c r="L4" s="653"/>
      <c r="M4" s="654" t="s">
        <v>183</v>
      </c>
      <c r="N4" s="655"/>
      <c r="O4" s="654" t="s">
        <v>184</v>
      </c>
      <c r="P4" s="655"/>
      <c r="Q4" s="652" t="s">
        <v>185</v>
      </c>
      <c r="R4" s="673"/>
      <c r="S4" s="654" t="s">
        <v>186</v>
      </c>
      <c r="T4" s="655"/>
      <c r="U4" s="654" t="s">
        <v>187</v>
      </c>
      <c r="V4" s="655"/>
      <c r="W4" s="656" t="s">
        <v>188</v>
      </c>
      <c r="X4" s="657"/>
      <c r="Y4" s="654" t="s">
        <v>189</v>
      </c>
      <c r="Z4" s="658"/>
      <c r="AA4" s="656" t="s">
        <v>190</v>
      </c>
      <c r="AB4" s="657"/>
      <c r="AC4" s="654" t="s">
        <v>191</v>
      </c>
      <c r="AD4" s="658"/>
      <c r="AE4" s="654" t="s">
        <v>192</v>
      </c>
      <c r="AF4" s="658"/>
      <c r="AG4" s="654" t="s">
        <v>193</v>
      </c>
      <c r="AH4" s="658"/>
      <c r="AI4" s="654" t="s">
        <v>194</v>
      </c>
      <c r="AJ4" s="668"/>
      <c r="AK4" s="422"/>
    </row>
    <row r="5" spans="1:37" s="424" customFormat="1" ht="10.5" customHeight="1" x14ac:dyDescent="0.15">
      <c r="A5" s="615"/>
      <c r="B5" s="431"/>
      <c r="C5" s="662"/>
      <c r="D5" s="663"/>
      <c r="E5" s="432"/>
      <c r="F5" s="433"/>
      <c r="G5" s="434"/>
      <c r="H5" s="435"/>
      <c r="I5" s="432"/>
      <c r="J5" s="435"/>
      <c r="K5" s="669" t="s">
        <v>195</v>
      </c>
      <c r="L5" s="670"/>
      <c r="M5" s="671"/>
      <c r="N5" s="655"/>
      <c r="O5" s="672" t="s">
        <v>196</v>
      </c>
      <c r="P5" s="655"/>
      <c r="Q5" s="652" t="s">
        <v>197</v>
      </c>
      <c r="R5" s="673"/>
      <c r="S5" s="654" t="s">
        <v>198</v>
      </c>
      <c r="T5" s="655"/>
      <c r="U5" s="654" t="s">
        <v>199</v>
      </c>
      <c r="V5" s="655"/>
      <c r="W5" s="656" t="s">
        <v>200</v>
      </c>
      <c r="X5" s="657"/>
      <c r="Y5" s="656" t="s">
        <v>201</v>
      </c>
      <c r="Z5" s="657"/>
      <c r="AA5" s="654" t="s">
        <v>202</v>
      </c>
      <c r="AB5" s="655"/>
      <c r="AC5" s="654" t="s">
        <v>203</v>
      </c>
      <c r="AD5" s="658"/>
      <c r="AE5" s="654"/>
      <c r="AF5" s="655"/>
      <c r="AG5" s="654" t="s">
        <v>204</v>
      </c>
      <c r="AH5" s="655"/>
      <c r="AI5" s="654"/>
      <c r="AJ5" s="676"/>
      <c r="AK5" s="422"/>
    </row>
    <row r="6" spans="1:37" s="437" customFormat="1" ht="15" customHeight="1" x14ac:dyDescent="0.15">
      <c r="A6" s="615"/>
      <c r="B6" s="436"/>
      <c r="C6" s="662"/>
      <c r="D6" s="663"/>
      <c r="E6" s="674" t="s">
        <v>205</v>
      </c>
      <c r="F6" s="677"/>
      <c r="G6" s="678" t="s">
        <v>205</v>
      </c>
      <c r="H6" s="675"/>
      <c r="I6" s="674" t="s">
        <v>205</v>
      </c>
      <c r="J6" s="675"/>
      <c r="K6" s="674" t="s">
        <v>205</v>
      </c>
      <c r="L6" s="675"/>
      <c r="M6" s="674" t="s">
        <v>205</v>
      </c>
      <c r="N6" s="675"/>
      <c r="O6" s="674" t="s">
        <v>205</v>
      </c>
      <c r="P6" s="675"/>
      <c r="Q6" s="674" t="s">
        <v>205</v>
      </c>
      <c r="R6" s="675"/>
      <c r="S6" s="674" t="s">
        <v>205</v>
      </c>
      <c r="T6" s="675"/>
      <c r="U6" s="674" t="s">
        <v>205</v>
      </c>
      <c r="V6" s="675"/>
      <c r="W6" s="674" t="s">
        <v>205</v>
      </c>
      <c r="X6" s="675"/>
      <c r="Y6" s="674" t="s">
        <v>205</v>
      </c>
      <c r="Z6" s="675"/>
      <c r="AA6" s="674" t="s">
        <v>205</v>
      </c>
      <c r="AB6" s="675"/>
      <c r="AC6" s="674" t="s">
        <v>205</v>
      </c>
      <c r="AD6" s="675"/>
      <c r="AE6" s="674" t="s">
        <v>205</v>
      </c>
      <c r="AF6" s="675"/>
      <c r="AG6" s="674" t="s">
        <v>205</v>
      </c>
      <c r="AH6" s="675"/>
      <c r="AI6" s="674" t="s">
        <v>205</v>
      </c>
      <c r="AJ6" s="678"/>
      <c r="AK6" s="420"/>
    </row>
    <row r="7" spans="1:37" s="424" customFormat="1" ht="7.5" customHeight="1" x14ac:dyDescent="0.15">
      <c r="A7" s="615"/>
      <c r="B7" s="438"/>
      <c r="C7" s="664"/>
      <c r="D7" s="665"/>
      <c r="E7" s="439"/>
      <c r="F7" s="440" t="s">
        <v>164</v>
      </c>
      <c r="G7" s="441"/>
      <c r="H7" s="442" t="s">
        <v>164</v>
      </c>
      <c r="I7" s="439"/>
      <c r="J7" s="442" t="s">
        <v>164</v>
      </c>
      <c r="K7" s="439"/>
      <c r="L7" s="442" t="s">
        <v>164</v>
      </c>
      <c r="M7" s="439"/>
      <c r="N7" s="442" t="s">
        <v>164</v>
      </c>
      <c r="O7" s="439"/>
      <c r="P7" s="442" t="s">
        <v>164</v>
      </c>
      <c r="Q7" s="439"/>
      <c r="R7" s="442" t="s">
        <v>164</v>
      </c>
      <c r="S7" s="439"/>
      <c r="T7" s="442" t="s">
        <v>164</v>
      </c>
      <c r="U7" s="439"/>
      <c r="V7" s="442" t="s">
        <v>164</v>
      </c>
      <c r="W7" s="439"/>
      <c r="X7" s="442" t="s">
        <v>164</v>
      </c>
      <c r="Y7" s="439"/>
      <c r="Z7" s="442" t="s">
        <v>164</v>
      </c>
      <c r="AA7" s="439"/>
      <c r="AB7" s="442" t="s">
        <v>164</v>
      </c>
      <c r="AC7" s="439"/>
      <c r="AD7" s="442" t="s">
        <v>164</v>
      </c>
      <c r="AE7" s="439"/>
      <c r="AF7" s="442" t="s">
        <v>164</v>
      </c>
      <c r="AG7" s="443"/>
      <c r="AH7" s="442" t="s">
        <v>164</v>
      </c>
      <c r="AI7" s="439"/>
      <c r="AJ7" s="334" t="s">
        <v>164</v>
      </c>
      <c r="AK7" s="422"/>
    </row>
    <row r="8" spans="1:37" s="424" customFormat="1" ht="11.25" customHeight="1" x14ac:dyDescent="0.15">
      <c r="A8" s="615"/>
      <c r="B8" s="679" t="s">
        <v>206</v>
      </c>
      <c r="C8" s="444"/>
      <c r="D8" s="445"/>
      <c r="E8" s="446"/>
      <c r="F8" s="447"/>
      <c r="G8" s="446"/>
      <c r="H8" s="446"/>
      <c r="I8" s="446"/>
      <c r="J8" s="446"/>
      <c r="K8" s="446"/>
      <c r="L8" s="446"/>
      <c r="M8" s="446"/>
      <c r="N8" s="446"/>
      <c r="O8" s="446"/>
      <c r="P8" s="446"/>
      <c r="Q8" s="446"/>
      <c r="R8" s="446"/>
      <c r="S8" s="446"/>
      <c r="T8" s="446"/>
      <c r="U8" s="446"/>
      <c r="V8" s="446"/>
      <c r="W8" s="446"/>
      <c r="X8" s="446"/>
      <c r="Y8" s="446"/>
      <c r="Z8" s="446"/>
      <c r="AA8" s="446"/>
      <c r="AB8" s="446"/>
      <c r="AC8" s="446"/>
      <c r="AD8" s="446"/>
      <c r="AE8" s="446"/>
      <c r="AF8" s="446"/>
      <c r="AG8" s="446"/>
      <c r="AH8" s="446"/>
      <c r="AI8" s="446"/>
      <c r="AJ8" s="446"/>
      <c r="AK8" s="422"/>
    </row>
    <row r="9" spans="1:37" s="424" customFormat="1" ht="14.25" customHeight="1" x14ac:dyDescent="0.15">
      <c r="A9" s="615"/>
      <c r="B9" s="680"/>
      <c r="C9" s="448" t="s">
        <v>226</v>
      </c>
      <c r="D9" s="449" t="s">
        <v>227</v>
      </c>
      <c r="E9" s="450">
        <v>103.5</v>
      </c>
      <c r="F9" s="451">
        <v>0</v>
      </c>
      <c r="G9" s="450">
        <v>99.5</v>
      </c>
      <c r="H9" s="450">
        <v>6.5</v>
      </c>
      <c r="I9" s="450">
        <v>104.1</v>
      </c>
      <c r="J9" s="450">
        <v>-1.3</v>
      </c>
      <c r="K9" s="450">
        <v>103.6</v>
      </c>
      <c r="L9" s="450">
        <v>-0.4</v>
      </c>
      <c r="M9" s="450">
        <v>105.4</v>
      </c>
      <c r="N9" s="450">
        <v>-12.7</v>
      </c>
      <c r="O9" s="450">
        <v>103.9</v>
      </c>
      <c r="P9" s="450">
        <v>10.7</v>
      </c>
      <c r="Q9" s="450">
        <v>103.1</v>
      </c>
      <c r="R9" s="450">
        <v>0.4</v>
      </c>
      <c r="S9" s="450">
        <v>98.1</v>
      </c>
      <c r="T9" s="450">
        <v>-6.1</v>
      </c>
      <c r="U9" s="450">
        <v>95.1</v>
      </c>
      <c r="V9" s="450">
        <v>0.2</v>
      </c>
      <c r="W9" s="450">
        <v>105</v>
      </c>
      <c r="X9" s="450">
        <v>0</v>
      </c>
      <c r="Y9" s="450">
        <v>106.9</v>
      </c>
      <c r="Z9" s="450">
        <v>2.7</v>
      </c>
      <c r="AA9" s="450">
        <v>102.5</v>
      </c>
      <c r="AB9" s="450">
        <v>3.8</v>
      </c>
      <c r="AC9" s="450">
        <v>100.1</v>
      </c>
      <c r="AD9" s="450">
        <v>-2.2999999999999998</v>
      </c>
      <c r="AE9" s="450">
        <v>107.3</v>
      </c>
      <c r="AF9" s="450">
        <v>5.2</v>
      </c>
      <c r="AG9" s="450">
        <v>109.1</v>
      </c>
      <c r="AH9" s="450">
        <v>2.7</v>
      </c>
      <c r="AI9" s="450">
        <v>102.3</v>
      </c>
      <c r="AJ9" s="450">
        <v>-5.8</v>
      </c>
      <c r="AK9" s="422"/>
    </row>
    <row r="10" spans="1:37" s="454" customFormat="1" ht="14.25" customHeight="1" x14ac:dyDescent="0.15">
      <c r="A10" s="615"/>
      <c r="B10" s="680"/>
      <c r="C10" s="448" t="s">
        <v>226</v>
      </c>
      <c r="D10" s="449" t="s">
        <v>228</v>
      </c>
      <c r="E10" s="452">
        <v>100</v>
      </c>
      <c r="F10" s="453">
        <v>-3.4</v>
      </c>
      <c r="G10" s="452">
        <v>100</v>
      </c>
      <c r="H10" s="452">
        <v>0.6</v>
      </c>
      <c r="I10" s="452">
        <v>100</v>
      </c>
      <c r="J10" s="452">
        <v>-4</v>
      </c>
      <c r="K10" s="452">
        <v>100</v>
      </c>
      <c r="L10" s="452">
        <v>-3.4</v>
      </c>
      <c r="M10" s="452">
        <v>100</v>
      </c>
      <c r="N10" s="452">
        <v>-5.0999999999999996</v>
      </c>
      <c r="O10" s="452">
        <v>100</v>
      </c>
      <c r="P10" s="452">
        <v>-3.7</v>
      </c>
      <c r="Q10" s="452">
        <v>100</v>
      </c>
      <c r="R10" s="452">
        <v>-2.9</v>
      </c>
      <c r="S10" s="452">
        <v>100</v>
      </c>
      <c r="T10" s="452">
        <v>2</v>
      </c>
      <c r="U10" s="452">
        <v>100</v>
      </c>
      <c r="V10" s="452">
        <v>5.2</v>
      </c>
      <c r="W10" s="452">
        <v>100</v>
      </c>
      <c r="X10" s="452">
        <v>-4.8</v>
      </c>
      <c r="Y10" s="452">
        <v>100</v>
      </c>
      <c r="Z10" s="452">
        <v>-6.4</v>
      </c>
      <c r="AA10" s="452">
        <v>100</v>
      </c>
      <c r="AB10" s="452">
        <v>-2.4</v>
      </c>
      <c r="AC10" s="452">
        <v>100</v>
      </c>
      <c r="AD10" s="452">
        <v>-0.1</v>
      </c>
      <c r="AE10" s="452">
        <v>100</v>
      </c>
      <c r="AF10" s="452">
        <v>-6.7</v>
      </c>
      <c r="AG10" s="452">
        <v>100</v>
      </c>
      <c r="AH10" s="452">
        <v>-8.3000000000000007</v>
      </c>
      <c r="AI10" s="452">
        <v>100</v>
      </c>
      <c r="AJ10" s="452">
        <v>-2.2999999999999998</v>
      </c>
      <c r="AK10" s="196"/>
    </row>
    <row r="11" spans="1:37" s="424" customFormat="1" ht="14.25" customHeight="1" x14ac:dyDescent="0.15">
      <c r="A11" s="615"/>
      <c r="B11" s="680"/>
      <c r="C11" s="448" t="s">
        <v>226</v>
      </c>
      <c r="D11" s="449" t="s">
        <v>229</v>
      </c>
      <c r="E11" s="450">
        <v>99.6</v>
      </c>
      <c r="F11" s="451">
        <v>-0.5</v>
      </c>
      <c r="G11" s="450">
        <v>102.6</v>
      </c>
      <c r="H11" s="450">
        <v>2.6</v>
      </c>
      <c r="I11" s="450">
        <v>103</v>
      </c>
      <c r="J11" s="450">
        <v>2.9</v>
      </c>
      <c r="K11" s="450">
        <v>100.4</v>
      </c>
      <c r="L11" s="450">
        <v>0.4</v>
      </c>
      <c r="M11" s="450">
        <v>104</v>
      </c>
      <c r="N11" s="450">
        <v>4</v>
      </c>
      <c r="O11" s="450">
        <v>91</v>
      </c>
      <c r="P11" s="450">
        <v>-9.1</v>
      </c>
      <c r="Q11" s="450">
        <v>95.9</v>
      </c>
      <c r="R11" s="450">
        <v>-4.2</v>
      </c>
      <c r="S11" s="450">
        <v>98</v>
      </c>
      <c r="T11" s="450">
        <v>-2</v>
      </c>
      <c r="U11" s="450">
        <v>113.4</v>
      </c>
      <c r="V11" s="450">
        <v>13.3</v>
      </c>
      <c r="W11" s="450">
        <v>98.6</v>
      </c>
      <c r="X11" s="450">
        <v>-1.4</v>
      </c>
      <c r="Y11" s="450">
        <v>109.5</v>
      </c>
      <c r="Z11" s="450">
        <v>9.6</v>
      </c>
      <c r="AA11" s="450">
        <v>111.5</v>
      </c>
      <c r="AB11" s="450">
        <v>11.4</v>
      </c>
      <c r="AC11" s="450">
        <v>103.7</v>
      </c>
      <c r="AD11" s="450">
        <v>3.7</v>
      </c>
      <c r="AE11" s="450">
        <v>93.8</v>
      </c>
      <c r="AF11" s="450">
        <v>-6.2</v>
      </c>
      <c r="AG11" s="450">
        <v>100.9</v>
      </c>
      <c r="AH11" s="450">
        <v>0.9</v>
      </c>
      <c r="AI11" s="450">
        <v>99.6</v>
      </c>
      <c r="AJ11" s="450">
        <v>-0.4</v>
      </c>
      <c r="AK11" s="422"/>
    </row>
    <row r="12" spans="1:37" s="454" customFormat="1" ht="14.25" customHeight="1" x14ac:dyDescent="0.15">
      <c r="A12" s="615"/>
      <c r="B12" s="680"/>
      <c r="C12" s="448" t="s">
        <v>226</v>
      </c>
      <c r="D12" s="449" t="s">
        <v>230</v>
      </c>
      <c r="E12" s="452">
        <v>99.5</v>
      </c>
      <c r="F12" s="453">
        <v>-0.1</v>
      </c>
      <c r="G12" s="452">
        <v>114.7</v>
      </c>
      <c r="H12" s="452">
        <v>11.8</v>
      </c>
      <c r="I12" s="452">
        <v>101.8</v>
      </c>
      <c r="J12" s="452">
        <v>-1.2</v>
      </c>
      <c r="K12" s="452">
        <v>98.5</v>
      </c>
      <c r="L12" s="452">
        <v>-1.9</v>
      </c>
      <c r="M12" s="452">
        <v>115.4</v>
      </c>
      <c r="N12" s="452">
        <v>11</v>
      </c>
      <c r="O12" s="452">
        <v>91.3</v>
      </c>
      <c r="P12" s="452">
        <v>0.3</v>
      </c>
      <c r="Q12" s="452">
        <v>96.4</v>
      </c>
      <c r="R12" s="452">
        <v>0.5</v>
      </c>
      <c r="S12" s="452">
        <v>99.4</v>
      </c>
      <c r="T12" s="452">
        <v>1.4</v>
      </c>
      <c r="U12" s="452">
        <v>120</v>
      </c>
      <c r="V12" s="452">
        <v>5.8</v>
      </c>
      <c r="W12" s="452">
        <v>106</v>
      </c>
      <c r="X12" s="452">
        <v>7.5</v>
      </c>
      <c r="Y12" s="452">
        <v>124.6</v>
      </c>
      <c r="Z12" s="452">
        <v>13.8</v>
      </c>
      <c r="AA12" s="452">
        <v>102.4</v>
      </c>
      <c r="AB12" s="452">
        <v>-8.1999999999999993</v>
      </c>
      <c r="AC12" s="452">
        <v>85.6</v>
      </c>
      <c r="AD12" s="452">
        <v>-17.5</v>
      </c>
      <c r="AE12" s="452">
        <v>100</v>
      </c>
      <c r="AF12" s="452">
        <v>6.6</v>
      </c>
      <c r="AG12" s="452">
        <v>95.7</v>
      </c>
      <c r="AH12" s="452">
        <v>-5.2</v>
      </c>
      <c r="AI12" s="452">
        <v>96.7</v>
      </c>
      <c r="AJ12" s="452">
        <v>-2.9</v>
      </c>
      <c r="AK12" s="196"/>
    </row>
    <row r="13" spans="1:37" s="424" customFormat="1" ht="14.25" customHeight="1" x14ac:dyDescent="0.15">
      <c r="A13" s="615"/>
      <c r="B13" s="680"/>
      <c r="C13" s="448"/>
      <c r="D13" s="449"/>
      <c r="E13" s="452"/>
      <c r="F13" s="453"/>
      <c r="G13" s="452"/>
      <c r="H13" s="452"/>
      <c r="I13" s="452"/>
      <c r="J13" s="452"/>
      <c r="K13" s="452"/>
      <c r="L13" s="452"/>
      <c r="M13" s="452"/>
      <c r="N13" s="452"/>
      <c r="O13" s="452"/>
      <c r="P13" s="452"/>
      <c r="Q13" s="452"/>
      <c r="R13" s="452"/>
      <c r="S13" s="452"/>
      <c r="T13" s="452"/>
      <c r="U13" s="452"/>
      <c r="V13" s="452"/>
      <c r="W13" s="452"/>
      <c r="X13" s="452"/>
      <c r="Y13" s="452"/>
      <c r="Z13" s="452"/>
      <c r="AA13" s="452"/>
      <c r="AB13" s="452"/>
      <c r="AC13" s="452"/>
      <c r="AD13" s="452"/>
      <c r="AE13" s="452"/>
      <c r="AF13" s="452"/>
      <c r="AG13" s="452"/>
      <c r="AH13" s="452"/>
      <c r="AI13" s="452"/>
      <c r="AJ13" s="452"/>
      <c r="AK13" s="422"/>
    </row>
    <row r="14" spans="1:37" s="424" customFormat="1" ht="15" customHeight="1" x14ac:dyDescent="0.15">
      <c r="A14" s="615"/>
      <c r="B14" s="680"/>
      <c r="C14" s="448" t="s">
        <v>207</v>
      </c>
      <c r="D14" s="455" t="s">
        <v>231</v>
      </c>
      <c r="E14" s="450">
        <v>137.6</v>
      </c>
      <c r="F14" s="451">
        <v>0.1</v>
      </c>
      <c r="G14" s="450">
        <v>175</v>
      </c>
      <c r="H14" s="450">
        <v>40.1</v>
      </c>
      <c r="I14" s="450">
        <v>146.6</v>
      </c>
      <c r="J14" s="450">
        <v>-7.4</v>
      </c>
      <c r="K14" s="450">
        <v>195.8</v>
      </c>
      <c r="L14" s="450">
        <v>-11.9</v>
      </c>
      <c r="M14" s="450">
        <v>235.1</v>
      </c>
      <c r="N14" s="450">
        <v>17</v>
      </c>
      <c r="O14" s="450">
        <v>125.5</v>
      </c>
      <c r="P14" s="450">
        <v>10.9</v>
      </c>
      <c r="Q14" s="450">
        <v>105.9</v>
      </c>
      <c r="R14" s="450">
        <v>-10.6</v>
      </c>
      <c r="S14" s="450">
        <v>188.7</v>
      </c>
      <c r="T14" s="450">
        <v>6.1</v>
      </c>
      <c r="U14" s="450">
        <v>144.4</v>
      </c>
      <c r="V14" s="450">
        <v>-14.9</v>
      </c>
      <c r="W14" s="450">
        <v>169.9</v>
      </c>
      <c r="X14" s="450">
        <v>29.6</v>
      </c>
      <c r="Y14" s="450">
        <v>133.1</v>
      </c>
      <c r="Z14" s="450">
        <v>23.4</v>
      </c>
      <c r="AA14" s="450">
        <v>127.7</v>
      </c>
      <c r="AB14" s="450">
        <v>-18.5</v>
      </c>
      <c r="AC14" s="450">
        <v>119.4</v>
      </c>
      <c r="AD14" s="450">
        <v>-15.3</v>
      </c>
      <c r="AE14" s="450">
        <v>122.2</v>
      </c>
      <c r="AF14" s="450">
        <v>2.4</v>
      </c>
      <c r="AG14" s="450">
        <v>146.6</v>
      </c>
      <c r="AH14" s="450">
        <v>-5.5</v>
      </c>
      <c r="AI14" s="450">
        <v>125.8</v>
      </c>
      <c r="AJ14" s="450">
        <v>-4</v>
      </c>
      <c r="AK14" s="422"/>
    </row>
    <row r="15" spans="1:37" s="454" customFormat="1" ht="15" customHeight="1" x14ac:dyDescent="0.15">
      <c r="A15" s="615"/>
      <c r="B15" s="680"/>
      <c r="C15" s="456" t="s">
        <v>0</v>
      </c>
      <c r="D15" s="455" t="s">
        <v>232</v>
      </c>
      <c r="E15" s="452">
        <v>117.5</v>
      </c>
      <c r="F15" s="453">
        <v>1.6</v>
      </c>
      <c r="G15" s="452">
        <v>119.5</v>
      </c>
      <c r="H15" s="452">
        <v>3.2</v>
      </c>
      <c r="I15" s="452">
        <v>138.4</v>
      </c>
      <c r="J15" s="452">
        <v>8</v>
      </c>
      <c r="K15" s="452">
        <v>77.2</v>
      </c>
      <c r="L15" s="452">
        <v>1.4</v>
      </c>
      <c r="M15" s="452">
        <v>110</v>
      </c>
      <c r="N15" s="452">
        <v>1.9</v>
      </c>
      <c r="O15" s="452">
        <v>102.6</v>
      </c>
      <c r="P15" s="452">
        <v>-4.5999999999999996</v>
      </c>
      <c r="Q15" s="452">
        <v>120.7</v>
      </c>
      <c r="R15" s="452">
        <v>-1.1000000000000001</v>
      </c>
      <c r="S15" s="452">
        <v>96.7</v>
      </c>
      <c r="T15" s="452">
        <v>6.1</v>
      </c>
      <c r="U15" s="452">
        <v>131</v>
      </c>
      <c r="V15" s="452">
        <v>-7.8</v>
      </c>
      <c r="W15" s="452">
        <v>145.5</v>
      </c>
      <c r="X15" s="452">
        <v>7.3</v>
      </c>
      <c r="Y15" s="452">
        <v>130.4</v>
      </c>
      <c r="Z15" s="452">
        <v>2.9</v>
      </c>
      <c r="AA15" s="452">
        <v>95.6</v>
      </c>
      <c r="AB15" s="452">
        <v>-12.8</v>
      </c>
      <c r="AC15" s="452">
        <v>85.5</v>
      </c>
      <c r="AD15" s="452">
        <v>-15.7</v>
      </c>
      <c r="AE15" s="452">
        <v>121.1</v>
      </c>
      <c r="AF15" s="452">
        <v>14.4</v>
      </c>
      <c r="AG15" s="452">
        <v>102.6</v>
      </c>
      <c r="AH15" s="452">
        <v>-1.5</v>
      </c>
      <c r="AI15" s="452">
        <v>105.3</v>
      </c>
      <c r="AJ15" s="452">
        <v>5.7</v>
      </c>
      <c r="AK15" s="196"/>
    </row>
    <row r="16" spans="1:37" s="424" customFormat="1" ht="15" customHeight="1" x14ac:dyDescent="0.15">
      <c r="A16" s="615"/>
      <c r="B16" s="680"/>
      <c r="C16" s="456" t="s">
        <v>0</v>
      </c>
      <c r="D16" s="455" t="s">
        <v>233</v>
      </c>
      <c r="E16" s="450">
        <v>85</v>
      </c>
      <c r="F16" s="451">
        <v>-0.9</v>
      </c>
      <c r="G16" s="450">
        <v>112.5</v>
      </c>
      <c r="H16" s="450">
        <v>19.7</v>
      </c>
      <c r="I16" s="450">
        <v>80.400000000000006</v>
      </c>
      <c r="J16" s="450">
        <v>-1.2</v>
      </c>
      <c r="K16" s="450">
        <v>76.5</v>
      </c>
      <c r="L16" s="450">
        <v>2</v>
      </c>
      <c r="M16" s="450">
        <v>84.4</v>
      </c>
      <c r="N16" s="450">
        <v>4.0999999999999996</v>
      </c>
      <c r="O16" s="450">
        <v>72.5</v>
      </c>
      <c r="P16" s="450">
        <v>-5.4</v>
      </c>
      <c r="Q16" s="450">
        <v>87.5</v>
      </c>
      <c r="R16" s="450">
        <v>3.9</v>
      </c>
      <c r="S16" s="450">
        <v>77.599999999999994</v>
      </c>
      <c r="T16" s="450">
        <v>-1.4</v>
      </c>
      <c r="U16" s="450">
        <v>84.4</v>
      </c>
      <c r="V16" s="450">
        <v>-3.8</v>
      </c>
      <c r="W16" s="450">
        <v>87.4</v>
      </c>
      <c r="X16" s="450">
        <v>7.4</v>
      </c>
      <c r="Y16" s="450">
        <v>122.3</v>
      </c>
      <c r="Z16" s="450">
        <v>16.3</v>
      </c>
      <c r="AA16" s="450">
        <v>98.9</v>
      </c>
      <c r="AB16" s="450">
        <v>-11.5</v>
      </c>
      <c r="AC16" s="450">
        <v>71.900000000000006</v>
      </c>
      <c r="AD16" s="450">
        <v>-27.7</v>
      </c>
      <c r="AE16" s="450">
        <v>90.8</v>
      </c>
      <c r="AF16" s="450">
        <v>9.9</v>
      </c>
      <c r="AG16" s="450">
        <v>72</v>
      </c>
      <c r="AH16" s="450">
        <v>-1.5</v>
      </c>
      <c r="AI16" s="450">
        <v>83.4</v>
      </c>
      <c r="AJ16" s="450">
        <v>-6.3</v>
      </c>
      <c r="AK16" s="422"/>
    </row>
    <row r="17" spans="1:37" s="454" customFormat="1" ht="15" customHeight="1" x14ac:dyDescent="0.15">
      <c r="A17" s="615"/>
      <c r="B17" s="680"/>
      <c r="C17" s="456" t="s">
        <v>0</v>
      </c>
      <c r="D17" s="455" t="s">
        <v>234</v>
      </c>
      <c r="E17" s="452">
        <v>84.1</v>
      </c>
      <c r="F17" s="453">
        <v>-0.2</v>
      </c>
      <c r="G17" s="452">
        <v>98.8</v>
      </c>
      <c r="H17" s="452">
        <v>3.3</v>
      </c>
      <c r="I17" s="452">
        <v>82.4</v>
      </c>
      <c r="J17" s="452">
        <v>-3.7</v>
      </c>
      <c r="K17" s="452">
        <v>76.599999999999994</v>
      </c>
      <c r="L17" s="452">
        <v>1.2</v>
      </c>
      <c r="M17" s="452">
        <v>86.2</v>
      </c>
      <c r="N17" s="452">
        <v>8.1999999999999993</v>
      </c>
      <c r="O17" s="452">
        <v>75.400000000000006</v>
      </c>
      <c r="P17" s="452">
        <v>-4.9000000000000004</v>
      </c>
      <c r="Q17" s="452">
        <v>83.6</v>
      </c>
      <c r="R17" s="452">
        <v>7.5</v>
      </c>
      <c r="S17" s="452">
        <v>81.7</v>
      </c>
      <c r="T17" s="452">
        <v>6.5</v>
      </c>
      <c r="U17" s="452">
        <v>95.2</v>
      </c>
      <c r="V17" s="452">
        <v>5.8</v>
      </c>
      <c r="W17" s="452">
        <v>80.900000000000006</v>
      </c>
      <c r="X17" s="452">
        <v>4</v>
      </c>
      <c r="Y17" s="452">
        <v>123.5</v>
      </c>
      <c r="Z17" s="452">
        <v>16.7</v>
      </c>
      <c r="AA17" s="452">
        <v>90.7</v>
      </c>
      <c r="AB17" s="452">
        <v>-14.4</v>
      </c>
      <c r="AC17" s="452">
        <v>76.3</v>
      </c>
      <c r="AD17" s="452">
        <v>-8.5</v>
      </c>
      <c r="AE17" s="452">
        <v>88.9</v>
      </c>
      <c r="AF17" s="452">
        <v>6.3</v>
      </c>
      <c r="AG17" s="452">
        <v>74.3</v>
      </c>
      <c r="AH17" s="452">
        <v>-0.9</v>
      </c>
      <c r="AI17" s="452">
        <v>84.9</v>
      </c>
      <c r="AJ17" s="452">
        <v>-4.2</v>
      </c>
      <c r="AK17" s="196"/>
    </row>
    <row r="18" spans="1:37" s="424" customFormat="1" ht="15" customHeight="1" x14ac:dyDescent="0.15">
      <c r="A18" s="615"/>
      <c r="B18" s="680"/>
      <c r="C18" s="456" t="s">
        <v>0</v>
      </c>
      <c r="D18" s="455" t="s">
        <v>235</v>
      </c>
      <c r="E18" s="450">
        <v>83.8</v>
      </c>
      <c r="F18" s="451">
        <v>-2</v>
      </c>
      <c r="G18" s="450">
        <v>95.9</v>
      </c>
      <c r="H18" s="450">
        <v>2.9</v>
      </c>
      <c r="I18" s="450">
        <v>83</v>
      </c>
      <c r="J18" s="450">
        <v>-1.5</v>
      </c>
      <c r="K18" s="450">
        <v>83</v>
      </c>
      <c r="L18" s="450">
        <v>2.5</v>
      </c>
      <c r="M18" s="450">
        <v>86.8</v>
      </c>
      <c r="N18" s="450">
        <v>9.3000000000000007</v>
      </c>
      <c r="O18" s="450">
        <v>79.3</v>
      </c>
      <c r="P18" s="450">
        <v>-6.5</v>
      </c>
      <c r="Q18" s="450">
        <v>84.9</v>
      </c>
      <c r="R18" s="450">
        <v>3.9</v>
      </c>
      <c r="S18" s="450">
        <v>80.099999999999994</v>
      </c>
      <c r="T18" s="450">
        <v>5</v>
      </c>
      <c r="U18" s="450">
        <v>94.7</v>
      </c>
      <c r="V18" s="450">
        <v>-6.6</v>
      </c>
      <c r="W18" s="450">
        <v>82.1</v>
      </c>
      <c r="X18" s="450">
        <v>4.7</v>
      </c>
      <c r="Y18" s="450">
        <v>113.4</v>
      </c>
      <c r="Z18" s="450">
        <v>1.1000000000000001</v>
      </c>
      <c r="AA18" s="450">
        <v>91.2</v>
      </c>
      <c r="AB18" s="450">
        <v>-14</v>
      </c>
      <c r="AC18" s="450">
        <v>73.7</v>
      </c>
      <c r="AD18" s="450">
        <v>-15.1</v>
      </c>
      <c r="AE18" s="450">
        <v>86.7</v>
      </c>
      <c r="AF18" s="450">
        <v>5</v>
      </c>
      <c r="AG18" s="450">
        <v>79.5</v>
      </c>
      <c r="AH18" s="450">
        <v>-8.5</v>
      </c>
      <c r="AI18" s="450">
        <v>84.5</v>
      </c>
      <c r="AJ18" s="450">
        <v>-5.8</v>
      </c>
      <c r="AK18" s="422"/>
    </row>
    <row r="19" spans="1:37" s="454" customFormat="1" ht="15" customHeight="1" x14ac:dyDescent="0.15">
      <c r="A19" s="615"/>
      <c r="B19" s="680"/>
      <c r="C19" s="456" t="s">
        <v>0</v>
      </c>
      <c r="D19" s="455" t="s">
        <v>236</v>
      </c>
      <c r="E19" s="452">
        <v>87.9</v>
      </c>
      <c r="F19" s="453">
        <v>-3.1</v>
      </c>
      <c r="G19" s="452">
        <v>115.1</v>
      </c>
      <c r="H19" s="452">
        <v>17.3</v>
      </c>
      <c r="I19" s="452">
        <v>88.2</v>
      </c>
      <c r="J19" s="452">
        <v>-4.3</v>
      </c>
      <c r="K19" s="452">
        <v>78.099999999999994</v>
      </c>
      <c r="L19" s="452">
        <v>0.9</v>
      </c>
      <c r="M19" s="452">
        <v>91.4</v>
      </c>
      <c r="N19" s="452">
        <v>11.6</v>
      </c>
      <c r="O19" s="452">
        <v>82.4</v>
      </c>
      <c r="P19" s="452">
        <v>1.6</v>
      </c>
      <c r="Q19" s="452">
        <v>87.6</v>
      </c>
      <c r="R19" s="452">
        <v>5.5</v>
      </c>
      <c r="S19" s="452">
        <v>80.900000000000006</v>
      </c>
      <c r="T19" s="452">
        <v>-7.1</v>
      </c>
      <c r="U19" s="452">
        <v>97.4</v>
      </c>
      <c r="V19" s="452">
        <v>3.5</v>
      </c>
      <c r="W19" s="452">
        <v>87.4</v>
      </c>
      <c r="X19" s="452">
        <v>5.7</v>
      </c>
      <c r="Y19" s="452">
        <v>113.8</v>
      </c>
      <c r="Z19" s="452">
        <v>0.7</v>
      </c>
      <c r="AA19" s="452">
        <v>104.2</v>
      </c>
      <c r="AB19" s="452">
        <v>3.4</v>
      </c>
      <c r="AC19" s="452">
        <v>73.8</v>
      </c>
      <c r="AD19" s="452">
        <v>-29.3</v>
      </c>
      <c r="AE19" s="452">
        <v>89.4</v>
      </c>
      <c r="AF19" s="452">
        <v>0.9</v>
      </c>
      <c r="AG19" s="452">
        <v>79.5</v>
      </c>
      <c r="AH19" s="452">
        <v>2.2999999999999998</v>
      </c>
      <c r="AI19" s="452">
        <v>86.5</v>
      </c>
      <c r="AJ19" s="452">
        <v>-12.3</v>
      </c>
      <c r="AK19" s="196"/>
    </row>
    <row r="20" spans="1:37" s="424" customFormat="1" ht="15" customHeight="1" x14ac:dyDescent="0.15">
      <c r="A20" s="615"/>
      <c r="B20" s="680"/>
      <c r="C20" s="456" t="s">
        <v>0</v>
      </c>
      <c r="D20" s="455" t="s">
        <v>237</v>
      </c>
      <c r="E20" s="450">
        <v>173.8</v>
      </c>
      <c r="F20" s="451">
        <v>2.9</v>
      </c>
      <c r="G20" s="450">
        <v>168.1</v>
      </c>
      <c r="H20" s="450">
        <v>7.5</v>
      </c>
      <c r="I20" s="450">
        <v>190.8</v>
      </c>
      <c r="J20" s="450">
        <v>-2.1</v>
      </c>
      <c r="K20" s="450">
        <v>196.3</v>
      </c>
      <c r="L20" s="450">
        <v>-10.1</v>
      </c>
      <c r="M20" s="450">
        <v>262.7</v>
      </c>
      <c r="N20" s="450">
        <v>27.2</v>
      </c>
      <c r="O20" s="450">
        <v>155.1</v>
      </c>
      <c r="P20" s="450">
        <v>3.3</v>
      </c>
      <c r="Q20" s="450">
        <v>167.1</v>
      </c>
      <c r="R20" s="450">
        <v>7.5</v>
      </c>
      <c r="S20" s="450">
        <v>214</v>
      </c>
      <c r="T20" s="450">
        <v>16.600000000000001</v>
      </c>
      <c r="U20" s="450">
        <v>247.2</v>
      </c>
      <c r="V20" s="450">
        <v>24.1</v>
      </c>
      <c r="W20" s="450">
        <v>205.3</v>
      </c>
      <c r="X20" s="450">
        <v>7</v>
      </c>
      <c r="Y20" s="450">
        <v>171.1</v>
      </c>
      <c r="Z20" s="450">
        <v>19.100000000000001</v>
      </c>
      <c r="AA20" s="450">
        <v>120.3</v>
      </c>
      <c r="AB20" s="450">
        <v>-4.0999999999999996</v>
      </c>
      <c r="AC20" s="450">
        <v>167</v>
      </c>
      <c r="AD20" s="450">
        <v>-0.5</v>
      </c>
      <c r="AE20" s="450">
        <v>152</v>
      </c>
      <c r="AF20" s="450">
        <v>5</v>
      </c>
      <c r="AG20" s="450">
        <v>197</v>
      </c>
      <c r="AH20" s="450">
        <v>-13.1</v>
      </c>
      <c r="AI20" s="450">
        <v>156</v>
      </c>
      <c r="AJ20" s="450">
        <v>-2.8</v>
      </c>
      <c r="AK20" s="422"/>
    </row>
    <row r="21" spans="1:37" s="454" customFormat="1" ht="15" customHeight="1" x14ac:dyDescent="0.15">
      <c r="A21" s="615"/>
      <c r="B21" s="680"/>
      <c r="C21" s="456" t="s">
        <v>238</v>
      </c>
      <c r="D21" s="455" t="s">
        <v>239</v>
      </c>
      <c r="E21" s="452">
        <v>86</v>
      </c>
      <c r="F21" s="453">
        <v>1.2</v>
      </c>
      <c r="G21" s="452">
        <v>96.5</v>
      </c>
      <c r="H21" s="452">
        <v>-3.3</v>
      </c>
      <c r="I21" s="452">
        <v>90.6</v>
      </c>
      <c r="J21" s="452">
        <v>10</v>
      </c>
      <c r="K21" s="452">
        <v>77.2</v>
      </c>
      <c r="L21" s="452">
        <v>-2.2000000000000002</v>
      </c>
      <c r="M21" s="452">
        <v>85.4</v>
      </c>
      <c r="N21" s="452">
        <v>4.8</v>
      </c>
      <c r="O21" s="452">
        <v>78.2</v>
      </c>
      <c r="P21" s="452">
        <v>-3.2</v>
      </c>
      <c r="Q21" s="452">
        <v>87.7</v>
      </c>
      <c r="R21" s="452">
        <v>3.5</v>
      </c>
      <c r="S21" s="452">
        <v>74.2</v>
      </c>
      <c r="T21" s="452">
        <v>1.8</v>
      </c>
      <c r="U21" s="452">
        <v>116.9</v>
      </c>
      <c r="V21" s="452">
        <v>4.0999999999999996</v>
      </c>
      <c r="W21" s="452">
        <v>77.5</v>
      </c>
      <c r="X21" s="452">
        <v>-7.7</v>
      </c>
      <c r="Y21" s="452">
        <v>142.6</v>
      </c>
      <c r="Z21" s="452">
        <v>21.5</v>
      </c>
      <c r="AA21" s="452">
        <v>98.7</v>
      </c>
      <c r="AB21" s="452">
        <v>-8.8000000000000007</v>
      </c>
      <c r="AC21" s="452">
        <v>73.099999999999994</v>
      </c>
      <c r="AD21" s="452">
        <v>1.1000000000000001</v>
      </c>
      <c r="AE21" s="452">
        <v>90.5</v>
      </c>
      <c r="AF21" s="452">
        <v>0.8</v>
      </c>
      <c r="AG21" s="452">
        <v>74.7</v>
      </c>
      <c r="AH21" s="452">
        <v>-5.2</v>
      </c>
      <c r="AI21" s="452">
        <v>76.099999999999994</v>
      </c>
      <c r="AJ21" s="452">
        <v>-12.2</v>
      </c>
      <c r="AK21" s="196"/>
    </row>
    <row r="22" spans="1:37" s="424" customFormat="1" ht="15" customHeight="1" x14ac:dyDescent="0.15">
      <c r="A22" s="615"/>
      <c r="B22" s="680"/>
      <c r="C22" s="456" t="s">
        <v>0</v>
      </c>
      <c r="D22" s="455" t="s">
        <v>240</v>
      </c>
      <c r="E22" s="450">
        <v>84.5</v>
      </c>
      <c r="F22" s="451">
        <v>3.3</v>
      </c>
      <c r="G22" s="450">
        <v>100.2</v>
      </c>
      <c r="H22" s="450">
        <v>6.1</v>
      </c>
      <c r="I22" s="450">
        <v>86.5</v>
      </c>
      <c r="J22" s="450">
        <v>8.9</v>
      </c>
      <c r="K22" s="450">
        <v>77.599999999999994</v>
      </c>
      <c r="L22" s="450">
        <v>-1.3</v>
      </c>
      <c r="M22" s="450">
        <v>87.4</v>
      </c>
      <c r="N22" s="450">
        <v>6.3</v>
      </c>
      <c r="O22" s="450">
        <v>76.099999999999994</v>
      </c>
      <c r="P22" s="450">
        <v>-3.2</v>
      </c>
      <c r="Q22" s="450">
        <v>86.9</v>
      </c>
      <c r="R22" s="450">
        <v>8.6</v>
      </c>
      <c r="S22" s="450">
        <v>72.900000000000006</v>
      </c>
      <c r="T22" s="450">
        <v>2.1</v>
      </c>
      <c r="U22" s="450">
        <v>89</v>
      </c>
      <c r="V22" s="450">
        <v>7.9</v>
      </c>
      <c r="W22" s="450">
        <v>79.7</v>
      </c>
      <c r="X22" s="450">
        <v>-2.6</v>
      </c>
      <c r="Y22" s="450">
        <v>119.5</v>
      </c>
      <c r="Z22" s="450">
        <v>7.4</v>
      </c>
      <c r="AA22" s="450">
        <v>94.5</v>
      </c>
      <c r="AB22" s="450">
        <v>-0.8</v>
      </c>
      <c r="AC22" s="450">
        <v>72.900000000000006</v>
      </c>
      <c r="AD22" s="450">
        <v>2.2000000000000002</v>
      </c>
      <c r="AE22" s="450">
        <v>86.6</v>
      </c>
      <c r="AF22" s="450">
        <v>0.1</v>
      </c>
      <c r="AG22" s="450">
        <v>82.4</v>
      </c>
      <c r="AH22" s="450">
        <v>3.8</v>
      </c>
      <c r="AI22" s="450">
        <v>84.9</v>
      </c>
      <c r="AJ22" s="450">
        <v>-1.6</v>
      </c>
      <c r="AK22" s="422"/>
    </row>
    <row r="23" spans="1:37" s="454" customFormat="1" ht="15" customHeight="1" x14ac:dyDescent="0.15">
      <c r="A23" s="615"/>
      <c r="B23" s="680"/>
      <c r="C23" s="456" t="s">
        <v>0</v>
      </c>
      <c r="D23" s="455" t="s">
        <v>241</v>
      </c>
      <c r="E23" s="452">
        <v>87.8</v>
      </c>
      <c r="F23" s="453">
        <v>2.5</v>
      </c>
      <c r="G23" s="452">
        <v>97.4</v>
      </c>
      <c r="H23" s="452">
        <v>-4.2</v>
      </c>
      <c r="I23" s="452">
        <v>93.9</v>
      </c>
      <c r="J23" s="452">
        <v>12.2</v>
      </c>
      <c r="K23" s="452">
        <v>79.2</v>
      </c>
      <c r="L23" s="452">
        <v>-3.1</v>
      </c>
      <c r="M23" s="452">
        <v>89.8</v>
      </c>
      <c r="N23" s="452">
        <v>1.7</v>
      </c>
      <c r="O23" s="452">
        <v>79.7</v>
      </c>
      <c r="P23" s="452">
        <v>0</v>
      </c>
      <c r="Q23" s="452">
        <v>87.2</v>
      </c>
      <c r="R23" s="452">
        <v>4.4000000000000004</v>
      </c>
      <c r="S23" s="452">
        <v>80.400000000000006</v>
      </c>
      <c r="T23" s="452">
        <v>11.2</v>
      </c>
      <c r="U23" s="452">
        <v>95.4</v>
      </c>
      <c r="V23" s="452">
        <v>9.6999999999999993</v>
      </c>
      <c r="W23" s="452">
        <v>82.2</v>
      </c>
      <c r="X23" s="452">
        <v>-1.4</v>
      </c>
      <c r="Y23" s="452">
        <v>128.69999999999999</v>
      </c>
      <c r="Z23" s="452">
        <v>11.4</v>
      </c>
      <c r="AA23" s="452">
        <v>97.7</v>
      </c>
      <c r="AB23" s="452">
        <v>-1.3</v>
      </c>
      <c r="AC23" s="452">
        <v>76.099999999999994</v>
      </c>
      <c r="AD23" s="452">
        <v>1.3</v>
      </c>
      <c r="AE23" s="452">
        <v>89.7</v>
      </c>
      <c r="AF23" s="452">
        <v>-4</v>
      </c>
      <c r="AG23" s="452">
        <v>90.6</v>
      </c>
      <c r="AH23" s="452">
        <v>11.9</v>
      </c>
      <c r="AI23" s="452">
        <v>90</v>
      </c>
      <c r="AJ23" s="452">
        <v>0.9</v>
      </c>
      <c r="AK23" s="196"/>
    </row>
    <row r="24" spans="1:37" s="424" customFormat="1" ht="15" customHeight="1" x14ac:dyDescent="0.15">
      <c r="A24" s="615"/>
      <c r="B24" s="680"/>
      <c r="C24" s="456" t="s">
        <v>0</v>
      </c>
      <c r="D24" s="455" t="s">
        <v>242</v>
      </c>
      <c r="E24" s="450">
        <v>88.8</v>
      </c>
      <c r="F24" s="451">
        <v>0.9</v>
      </c>
      <c r="G24" s="450">
        <v>96.5</v>
      </c>
      <c r="H24" s="450">
        <v>-1.3</v>
      </c>
      <c r="I24" s="450">
        <v>90.8</v>
      </c>
      <c r="J24" s="450">
        <v>6</v>
      </c>
      <c r="K24" s="450">
        <v>80.900000000000006</v>
      </c>
      <c r="L24" s="450">
        <v>-0.4</v>
      </c>
      <c r="M24" s="450">
        <v>91.5</v>
      </c>
      <c r="N24" s="450">
        <v>3.4</v>
      </c>
      <c r="O24" s="450">
        <v>92.3</v>
      </c>
      <c r="P24" s="450">
        <v>5.7</v>
      </c>
      <c r="Q24" s="450">
        <v>90.5</v>
      </c>
      <c r="R24" s="450">
        <v>6.2</v>
      </c>
      <c r="S24" s="450">
        <v>72</v>
      </c>
      <c r="T24" s="450">
        <v>-4.4000000000000004</v>
      </c>
      <c r="U24" s="450">
        <v>107</v>
      </c>
      <c r="V24" s="450">
        <v>-39.200000000000003</v>
      </c>
      <c r="W24" s="450">
        <v>81</v>
      </c>
      <c r="X24" s="450">
        <v>-4.9000000000000004</v>
      </c>
      <c r="Y24" s="450">
        <v>140.4</v>
      </c>
      <c r="Z24" s="450">
        <v>16.100000000000001</v>
      </c>
      <c r="AA24" s="450">
        <v>101.8</v>
      </c>
      <c r="AB24" s="450">
        <v>2.1</v>
      </c>
      <c r="AC24" s="450">
        <v>76.8</v>
      </c>
      <c r="AD24" s="450">
        <v>7.4</v>
      </c>
      <c r="AE24" s="450">
        <v>89.9</v>
      </c>
      <c r="AF24" s="450">
        <v>-1</v>
      </c>
      <c r="AG24" s="450">
        <v>80.3</v>
      </c>
      <c r="AH24" s="450">
        <v>0.2</v>
      </c>
      <c r="AI24" s="450">
        <v>84.8</v>
      </c>
      <c r="AJ24" s="450">
        <v>-4.2</v>
      </c>
      <c r="AK24" s="422"/>
    </row>
    <row r="25" spans="1:37" s="454" customFormat="1" ht="15" customHeight="1" x14ac:dyDescent="0.15">
      <c r="A25" s="615"/>
      <c r="B25" s="680"/>
      <c r="C25" s="456" t="s">
        <v>0</v>
      </c>
      <c r="D25" s="455" t="s">
        <v>243</v>
      </c>
      <c r="E25" s="452">
        <v>88.2</v>
      </c>
      <c r="F25" s="453">
        <v>5.4</v>
      </c>
      <c r="G25" s="452">
        <v>101.1</v>
      </c>
      <c r="H25" s="452">
        <v>3.8</v>
      </c>
      <c r="I25" s="452">
        <v>88.6</v>
      </c>
      <c r="J25" s="452">
        <v>10.6</v>
      </c>
      <c r="K25" s="452">
        <v>79.2</v>
      </c>
      <c r="L25" s="452">
        <v>1.1000000000000001</v>
      </c>
      <c r="M25" s="452">
        <v>90.7</v>
      </c>
      <c r="N25" s="452">
        <v>3.7</v>
      </c>
      <c r="O25" s="452">
        <v>81.7</v>
      </c>
      <c r="P25" s="452">
        <v>7.1</v>
      </c>
      <c r="Q25" s="452">
        <v>100.7</v>
      </c>
      <c r="R25" s="452">
        <v>16.8</v>
      </c>
      <c r="S25" s="452">
        <v>74.599999999999994</v>
      </c>
      <c r="T25" s="452">
        <v>-7.4</v>
      </c>
      <c r="U25" s="452">
        <v>101.2</v>
      </c>
      <c r="V25" s="452">
        <v>14.7</v>
      </c>
      <c r="W25" s="452">
        <v>78.8</v>
      </c>
      <c r="X25" s="452">
        <v>-1</v>
      </c>
      <c r="Y25" s="452">
        <v>142.6</v>
      </c>
      <c r="Z25" s="452">
        <v>16.7</v>
      </c>
      <c r="AA25" s="452">
        <v>99.9</v>
      </c>
      <c r="AB25" s="452">
        <v>1.6</v>
      </c>
      <c r="AC25" s="452">
        <v>71.099999999999994</v>
      </c>
      <c r="AD25" s="452">
        <v>1.9</v>
      </c>
      <c r="AE25" s="452">
        <v>86.9</v>
      </c>
      <c r="AF25" s="452">
        <v>-1.8</v>
      </c>
      <c r="AG25" s="452">
        <v>85.5</v>
      </c>
      <c r="AH25" s="452">
        <v>11</v>
      </c>
      <c r="AI25" s="452">
        <v>83.4</v>
      </c>
      <c r="AJ25" s="452">
        <v>-0.2</v>
      </c>
      <c r="AK25" s="196"/>
    </row>
    <row r="26" spans="1:37" s="424" customFormat="1" ht="14.25" customHeight="1" x14ac:dyDescent="0.15">
      <c r="A26" s="615"/>
      <c r="B26" s="680"/>
      <c r="C26" s="448"/>
      <c r="D26" s="455"/>
      <c r="E26" s="452"/>
      <c r="F26" s="453"/>
      <c r="G26" s="452"/>
      <c r="H26" s="452"/>
      <c r="I26" s="452"/>
      <c r="J26" s="452"/>
      <c r="K26" s="452"/>
      <c r="L26" s="452"/>
      <c r="M26" s="452"/>
      <c r="N26" s="452"/>
      <c r="O26" s="452"/>
      <c r="P26" s="452"/>
      <c r="Q26" s="452"/>
      <c r="R26" s="452"/>
      <c r="S26" s="452"/>
      <c r="T26" s="452"/>
      <c r="U26" s="452"/>
      <c r="V26" s="452"/>
      <c r="W26" s="452"/>
      <c r="X26" s="452"/>
      <c r="Y26" s="452"/>
      <c r="Z26" s="452"/>
      <c r="AA26" s="452"/>
      <c r="AB26" s="452"/>
      <c r="AC26" s="452"/>
      <c r="AD26" s="452"/>
      <c r="AE26" s="452"/>
      <c r="AF26" s="452"/>
      <c r="AG26" s="452"/>
      <c r="AH26" s="452"/>
      <c r="AI26" s="452"/>
      <c r="AJ26" s="452"/>
      <c r="AK26" s="422"/>
    </row>
    <row r="27" spans="1:37" s="424" customFormat="1" ht="14.25" customHeight="1" x14ac:dyDescent="0.15">
      <c r="A27" s="615"/>
      <c r="B27" s="680"/>
      <c r="C27" s="448" t="s">
        <v>238</v>
      </c>
      <c r="D27" s="455" t="s">
        <v>231</v>
      </c>
      <c r="E27" s="450">
        <v>145.5</v>
      </c>
      <c r="F27" s="451">
        <v>5.7</v>
      </c>
      <c r="G27" s="450">
        <v>143</v>
      </c>
      <c r="H27" s="450">
        <v>-18.3</v>
      </c>
      <c r="I27" s="450">
        <v>161.1</v>
      </c>
      <c r="J27" s="450">
        <v>9.9</v>
      </c>
      <c r="K27" s="450">
        <v>161.80000000000001</v>
      </c>
      <c r="L27" s="450">
        <v>-17.399999999999999</v>
      </c>
      <c r="M27" s="450">
        <v>230.7</v>
      </c>
      <c r="N27" s="450">
        <v>-1.9</v>
      </c>
      <c r="O27" s="450">
        <v>129</v>
      </c>
      <c r="P27" s="450">
        <v>2.8</v>
      </c>
      <c r="Q27" s="450">
        <v>119.9</v>
      </c>
      <c r="R27" s="450">
        <v>13.2</v>
      </c>
      <c r="S27" s="450">
        <v>178.4</v>
      </c>
      <c r="T27" s="450">
        <v>-5.5</v>
      </c>
      <c r="U27" s="450">
        <v>215.6</v>
      </c>
      <c r="V27" s="450">
        <v>49.3</v>
      </c>
      <c r="W27" s="450">
        <v>180.2</v>
      </c>
      <c r="X27" s="450">
        <v>6.1</v>
      </c>
      <c r="Y27" s="450">
        <v>155.30000000000001</v>
      </c>
      <c r="Z27" s="450">
        <v>16.7</v>
      </c>
      <c r="AA27" s="450">
        <v>109</v>
      </c>
      <c r="AB27" s="450">
        <v>-14.6</v>
      </c>
      <c r="AC27" s="450">
        <v>156.69999999999999</v>
      </c>
      <c r="AD27" s="450">
        <v>31.2</v>
      </c>
      <c r="AE27" s="450">
        <v>127.6</v>
      </c>
      <c r="AF27" s="450">
        <v>4.4000000000000004</v>
      </c>
      <c r="AG27" s="450">
        <v>145.5</v>
      </c>
      <c r="AH27" s="450">
        <v>-0.8</v>
      </c>
      <c r="AI27" s="450">
        <v>138.5</v>
      </c>
      <c r="AJ27" s="450">
        <v>10.1</v>
      </c>
      <c r="AK27" s="422"/>
    </row>
    <row r="28" spans="1:37" s="424" customFormat="1" ht="11.25" customHeight="1" x14ac:dyDescent="0.15">
      <c r="A28" s="615"/>
      <c r="B28" s="681"/>
      <c r="C28" s="457"/>
      <c r="D28" s="458"/>
      <c r="E28" s="452"/>
      <c r="F28" s="453"/>
      <c r="G28" s="452"/>
      <c r="H28" s="452"/>
      <c r="I28" s="452"/>
      <c r="J28" s="452"/>
      <c r="K28" s="452"/>
      <c r="L28" s="452"/>
      <c r="M28" s="452"/>
      <c r="N28" s="452"/>
      <c r="O28" s="452"/>
      <c r="P28" s="452"/>
      <c r="Q28" s="452"/>
      <c r="R28" s="452"/>
      <c r="S28" s="452"/>
      <c r="T28" s="452"/>
      <c r="U28" s="452"/>
      <c r="V28" s="452"/>
      <c r="W28" s="452"/>
      <c r="X28" s="452"/>
      <c r="Y28" s="452"/>
      <c r="Z28" s="452"/>
      <c r="AA28" s="452"/>
      <c r="AB28" s="452"/>
      <c r="AC28" s="452"/>
      <c r="AD28" s="452"/>
      <c r="AE28" s="452"/>
      <c r="AF28" s="452"/>
      <c r="AG28" s="452"/>
      <c r="AH28" s="452"/>
      <c r="AI28" s="452"/>
      <c r="AJ28" s="452"/>
      <c r="AK28" s="422"/>
    </row>
    <row r="29" spans="1:37" s="424" customFormat="1" ht="11.25" customHeight="1" x14ac:dyDescent="0.15">
      <c r="A29" s="615"/>
      <c r="B29" s="459"/>
      <c r="C29" s="460"/>
      <c r="D29" s="461"/>
      <c r="E29" s="462"/>
      <c r="F29" s="463"/>
      <c r="G29" s="462"/>
      <c r="H29" s="462"/>
      <c r="I29" s="462"/>
      <c r="J29" s="462"/>
      <c r="K29" s="462"/>
      <c r="L29" s="462"/>
      <c r="M29" s="462"/>
      <c r="N29" s="462"/>
      <c r="O29" s="462"/>
      <c r="P29" s="462"/>
      <c r="Q29" s="462"/>
      <c r="R29" s="462"/>
      <c r="S29" s="462"/>
      <c r="T29" s="462"/>
      <c r="U29" s="462"/>
      <c r="V29" s="462"/>
      <c r="W29" s="462"/>
      <c r="X29" s="462"/>
      <c r="Y29" s="462"/>
      <c r="Z29" s="462"/>
      <c r="AA29" s="462"/>
      <c r="AB29" s="462"/>
      <c r="AC29" s="462"/>
      <c r="AD29" s="462"/>
      <c r="AE29" s="462"/>
      <c r="AF29" s="462"/>
      <c r="AG29" s="462"/>
      <c r="AH29" s="462"/>
      <c r="AI29" s="462"/>
      <c r="AJ29" s="462"/>
      <c r="AK29" s="422"/>
    </row>
    <row r="30" spans="1:37" s="424" customFormat="1" ht="14.25" customHeight="1" x14ac:dyDescent="0.15">
      <c r="A30" s="615"/>
      <c r="B30" s="112"/>
      <c r="C30" s="448" t="s">
        <v>226</v>
      </c>
      <c r="D30" s="449" t="s">
        <v>227</v>
      </c>
      <c r="E30" s="450">
        <v>103.7</v>
      </c>
      <c r="F30" s="451">
        <v>-0.6</v>
      </c>
      <c r="G30" s="450">
        <v>103.9</v>
      </c>
      <c r="H30" s="450">
        <v>20.2</v>
      </c>
      <c r="I30" s="450">
        <v>103.2</v>
      </c>
      <c r="J30" s="450">
        <v>-1.9</v>
      </c>
      <c r="K30" s="450">
        <v>102.7</v>
      </c>
      <c r="L30" s="450">
        <v>2.2999999999999998</v>
      </c>
      <c r="M30" s="450">
        <v>105.6</v>
      </c>
      <c r="N30" s="450">
        <v>-14.9</v>
      </c>
      <c r="O30" s="450">
        <v>99.3</v>
      </c>
      <c r="P30" s="450">
        <v>9.1</v>
      </c>
      <c r="Q30" s="450">
        <v>104.5</v>
      </c>
      <c r="R30" s="450">
        <v>0.5</v>
      </c>
      <c r="S30" s="450">
        <v>99</v>
      </c>
      <c r="T30" s="450">
        <v>-3.5</v>
      </c>
      <c r="U30" s="450">
        <v>108.8</v>
      </c>
      <c r="V30" s="450">
        <v>3.4</v>
      </c>
      <c r="W30" s="450">
        <v>104.6</v>
      </c>
      <c r="X30" s="450">
        <v>-1</v>
      </c>
      <c r="Y30" s="450">
        <v>106.5</v>
      </c>
      <c r="Z30" s="450">
        <v>3.1</v>
      </c>
      <c r="AA30" s="450">
        <v>112.5</v>
      </c>
      <c r="AB30" s="450">
        <v>2.5</v>
      </c>
      <c r="AC30" s="450">
        <v>94.9</v>
      </c>
      <c r="AD30" s="450">
        <v>-1.1000000000000001</v>
      </c>
      <c r="AE30" s="450">
        <v>108</v>
      </c>
      <c r="AF30" s="450">
        <v>4.8</v>
      </c>
      <c r="AG30" s="450">
        <v>110.3</v>
      </c>
      <c r="AH30" s="450">
        <v>-12.5</v>
      </c>
      <c r="AI30" s="450">
        <v>103.4</v>
      </c>
      <c r="AJ30" s="450">
        <v>-5.4</v>
      </c>
      <c r="AK30" s="422"/>
    </row>
    <row r="31" spans="1:37" s="454" customFormat="1" ht="14.25" customHeight="1" x14ac:dyDescent="0.15">
      <c r="A31" s="615"/>
      <c r="B31" s="38"/>
      <c r="C31" s="448" t="s">
        <v>226</v>
      </c>
      <c r="D31" s="449" t="s">
        <v>228</v>
      </c>
      <c r="E31" s="452">
        <v>100</v>
      </c>
      <c r="F31" s="453">
        <v>-3.4</v>
      </c>
      <c r="G31" s="452">
        <v>100</v>
      </c>
      <c r="H31" s="452">
        <v>-3.8</v>
      </c>
      <c r="I31" s="452">
        <v>100</v>
      </c>
      <c r="J31" s="452">
        <v>-3.1</v>
      </c>
      <c r="K31" s="452">
        <v>100</v>
      </c>
      <c r="L31" s="452">
        <v>-2.7</v>
      </c>
      <c r="M31" s="452">
        <v>100</v>
      </c>
      <c r="N31" s="452">
        <v>-5.4</v>
      </c>
      <c r="O31" s="452">
        <v>100</v>
      </c>
      <c r="P31" s="452">
        <v>0.7</v>
      </c>
      <c r="Q31" s="452">
        <v>100</v>
      </c>
      <c r="R31" s="452">
        <v>-4.2</v>
      </c>
      <c r="S31" s="452">
        <v>100</v>
      </c>
      <c r="T31" s="452">
        <v>0.9</v>
      </c>
      <c r="U31" s="452">
        <v>100</v>
      </c>
      <c r="V31" s="452">
        <v>-7.9</v>
      </c>
      <c r="W31" s="452">
        <v>100</v>
      </c>
      <c r="X31" s="452">
        <v>-4.4000000000000004</v>
      </c>
      <c r="Y31" s="452">
        <v>100</v>
      </c>
      <c r="Z31" s="452">
        <v>-6.1</v>
      </c>
      <c r="AA31" s="452">
        <v>100</v>
      </c>
      <c r="AB31" s="452">
        <v>-11.1</v>
      </c>
      <c r="AC31" s="452">
        <v>100</v>
      </c>
      <c r="AD31" s="452">
        <v>5.5</v>
      </c>
      <c r="AE31" s="452">
        <v>100</v>
      </c>
      <c r="AF31" s="452">
        <v>-7.3</v>
      </c>
      <c r="AG31" s="452">
        <v>100</v>
      </c>
      <c r="AH31" s="452">
        <v>-9.4</v>
      </c>
      <c r="AI31" s="452">
        <v>100</v>
      </c>
      <c r="AJ31" s="452">
        <v>-3.4</v>
      </c>
      <c r="AK31" s="196"/>
    </row>
    <row r="32" spans="1:37" s="424" customFormat="1" ht="14.25" customHeight="1" x14ac:dyDescent="0.15">
      <c r="A32" s="615"/>
      <c r="B32" s="112"/>
      <c r="C32" s="448" t="s">
        <v>226</v>
      </c>
      <c r="D32" s="449" t="s">
        <v>229</v>
      </c>
      <c r="E32" s="450">
        <v>99.2</v>
      </c>
      <c r="F32" s="451">
        <v>-0.9</v>
      </c>
      <c r="G32" s="450">
        <v>99</v>
      </c>
      <c r="H32" s="450">
        <v>-1</v>
      </c>
      <c r="I32" s="450">
        <v>104.3</v>
      </c>
      <c r="J32" s="450">
        <v>4.3</v>
      </c>
      <c r="K32" s="450">
        <v>94.7</v>
      </c>
      <c r="L32" s="450">
        <v>-5.2</v>
      </c>
      <c r="M32" s="450">
        <v>108</v>
      </c>
      <c r="N32" s="450">
        <v>8</v>
      </c>
      <c r="O32" s="450">
        <v>87.4</v>
      </c>
      <c r="P32" s="450">
        <v>-12.6</v>
      </c>
      <c r="Q32" s="450">
        <v>96.7</v>
      </c>
      <c r="R32" s="450">
        <v>-3.4</v>
      </c>
      <c r="S32" s="450">
        <v>97.8</v>
      </c>
      <c r="T32" s="450">
        <v>-2.2000000000000002</v>
      </c>
      <c r="U32" s="450">
        <v>114.7</v>
      </c>
      <c r="V32" s="450">
        <v>14.6</v>
      </c>
      <c r="W32" s="450">
        <v>102.5</v>
      </c>
      <c r="X32" s="450">
        <v>2.5</v>
      </c>
      <c r="Y32" s="450">
        <v>113.4</v>
      </c>
      <c r="Z32" s="450">
        <v>13.3</v>
      </c>
      <c r="AA32" s="450">
        <v>103.4</v>
      </c>
      <c r="AB32" s="450">
        <v>3.3</v>
      </c>
      <c r="AC32" s="450">
        <v>101.5</v>
      </c>
      <c r="AD32" s="450">
        <v>1.5</v>
      </c>
      <c r="AE32" s="450">
        <v>93.4</v>
      </c>
      <c r="AF32" s="450">
        <v>-6.7</v>
      </c>
      <c r="AG32" s="450">
        <v>98.8</v>
      </c>
      <c r="AH32" s="450">
        <v>-1.2</v>
      </c>
      <c r="AI32" s="450">
        <v>96.6</v>
      </c>
      <c r="AJ32" s="450">
        <v>-3.4</v>
      </c>
      <c r="AK32" s="422"/>
    </row>
    <row r="33" spans="1:37" s="454" customFormat="1" ht="14.25" customHeight="1" x14ac:dyDescent="0.15">
      <c r="A33" s="615"/>
      <c r="B33" s="340"/>
      <c r="C33" s="448" t="s">
        <v>226</v>
      </c>
      <c r="D33" s="449" t="s">
        <v>230</v>
      </c>
      <c r="E33" s="452">
        <v>98.4</v>
      </c>
      <c r="F33" s="453">
        <v>-0.8</v>
      </c>
      <c r="G33" s="452">
        <v>106.8</v>
      </c>
      <c r="H33" s="452">
        <v>7.9</v>
      </c>
      <c r="I33" s="452">
        <v>98.9</v>
      </c>
      <c r="J33" s="452">
        <v>-5.2</v>
      </c>
      <c r="K33" s="452">
        <v>96.2</v>
      </c>
      <c r="L33" s="452">
        <v>1.6</v>
      </c>
      <c r="M33" s="452">
        <v>116.6</v>
      </c>
      <c r="N33" s="452">
        <v>8</v>
      </c>
      <c r="O33" s="452">
        <v>83.5</v>
      </c>
      <c r="P33" s="452">
        <v>-4.5</v>
      </c>
      <c r="Q33" s="452">
        <v>99</v>
      </c>
      <c r="R33" s="452">
        <v>2.4</v>
      </c>
      <c r="S33" s="452">
        <v>96.1</v>
      </c>
      <c r="T33" s="452">
        <v>-1.7</v>
      </c>
      <c r="U33" s="452">
        <v>132.69999999999999</v>
      </c>
      <c r="V33" s="452">
        <v>15.7</v>
      </c>
      <c r="W33" s="452">
        <v>108</v>
      </c>
      <c r="X33" s="452">
        <v>5.4</v>
      </c>
      <c r="Y33" s="452">
        <v>133.4</v>
      </c>
      <c r="Z33" s="452">
        <v>17.600000000000001</v>
      </c>
      <c r="AA33" s="452">
        <v>99.9</v>
      </c>
      <c r="AB33" s="452">
        <v>-3.4</v>
      </c>
      <c r="AC33" s="452">
        <v>82.7</v>
      </c>
      <c r="AD33" s="452">
        <v>-18.5</v>
      </c>
      <c r="AE33" s="452">
        <v>103.7</v>
      </c>
      <c r="AF33" s="452">
        <v>11</v>
      </c>
      <c r="AG33" s="452">
        <v>94.9</v>
      </c>
      <c r="AH33" s="452">
        <v>-3.9</v>
      </c>
      <c r="AI33" s="452">
        <v>92.1</v>
      </c>
      <c r="AJ33" s="452">
        <v>-4.7</v>
      </c>
      <c r="AK33" s="196"/>
    </row>
    <row r="34" spans="1:37" s="424" customFormat="1" ht="14.25" customHeight="1" x14ac:dyDescent="0.15">
      <c r="A34" s="615"/>
      <c r="B34" s="464"/>
      <c r="C34" s="448"/>
      <c r="D34" s="449"/>
      <c r="E34" s="452"/>
      <c r="F34" s="453"/>
      <c r="G34" s="452"/>
      <c r="H34" s="452"/>
      <c r="I34" s="452"/>
      <c r="J34" s="452"/>
      <c r="K34" s="452"/>
      <c r="L34" s="452"/>
      <c r="M34" s="452"/>
      <c r="N34" s="452"/>
      <c r="O34" s="452"/>
      <c r="P34" s="452"/>
      <c r="Q34" s="452"/>
      <c r="R34" s="452"/>
      <c r="S34" s="452"/>
      <c r="T34" s="452"/>
      <c r="U34" s="452"/>
      <c r="V34" s="452"/>
      <c r="W34" s="452"/>
      <c r="X34" s="452"/>
      <c r="Y34" s="452"/>
      <c r="Z34" s="452"/>
      <c r="AA34" s="452"/>
      <c r="AB34" s="452"/>
      <c r="AC34" s="452"/>
      <c r="AD34" s="452"/>
      <c r="AE34" s="452"/>
      <c r="AF34" s="452"/>
      <c r="AG34" s="452"/>
      <c r="AH34" s="452"/>
      <c r="AI34" s="452"/>
      <c r="AJ34" s="452"/>
      <c r="AK34" s="422"/>
    </row>
    <row r="35" spans="1:37" s="424" customFormat="1" ht="15" customHeight="1" x14ac:dyDescent="0.15">
      <c r="A35" s="615"/>
      <c r="B35" s="682" t="s">
        <v>47</v>
      </c>
      <c r="C35" s="448" t="s">
        <v>207</v>
      </c>
      <c r="D35" s="455" t="s">
        <v>231</v>
      </c>
      <c r="E35" s="450">
        <v>143.4</v>
      </c>
      <c r="F35" s="451">
        <v>-2</v>
      </c>
      <c r="G35" s="450">
        <v>158.9</v>
      </c>
      <c r="H35" s="450">
        <v>16.899999999999999</v>
      </c>
      <c r="I35" s="450">
        <v>148.19999999999999</v>
      </c>
      <c r="J35" s="450">
        <v>-13.2</v>
      </c>
      <c r="K35" s="450">
        <v>186.5</v>
      </c>
      <c r="L35" s="450">
        <v>-9.6</v>
      </c>
      <c r="M35" s="450">
        <v>238.6</v>
      </c>
      <c r="N35" s="450">
        <v>7.9</v>
      </c>
      <c r="O35" s="450">
        <v>117.9</v>
      </c>
      <c r="P35" s="450">
        <v>2.7</v>
      </c>
      <c r="Q35" s="450">
        <v>118.3</v>
      </c>
      <c r="R35" s="450">
        <v>3</v>
      </c>
      <c r="S35" s="450">
        <v>191.7</v>
      </c>
      <c r="T35" s="450">
        <v>3</v>
      </c>
      <c r="U35" s="450">
        <v>180.6</v>
      </c>
      <c r="V35" s="450">
        <v>3.7</v>
      </c>
      <c r="W35" s="450">
        <v>178.2</v>
      </c>
      <c r="X35" s="450">
        <v>23.6</v>
      </c>
      <c r="Y35" s="450">
        <v>149.9</v>
      </c>
      <c r="Z35" s="450">
        <v>34</v>
      </c>
      <c r="AA35" s="450">
        <v>116.9</v>
      </c>
      <c r="AB35" s="450">
        <v>-31.4</v>
      </c>
      <c r="AC35" s="450">
        <v>120.3</v>
      </c>
      <c r="AD35" s="450">
        <v>-13.8</v>
      </c>
      <c r="AE35" s="450">
        <v>133.4</v>
      </c>
      <c r="AF35" s="450">
        <v>4.0999999999999996</v>
      </c>
      <c r="AG35" s="465">
        <v>157.5</v>
      </c>
      <c r="AH35" s="465">
        <v>-14.3</v>
      </c>
      <c r="AI35" s="450">
        <v>123.5</v>
      </c>
      <c r="AJ35" s="450">
        <v>-8</v>
      </c>
      <c r="AK35" s="422"/>
    </row>
    <row r="36" spans="1:37" s="454" customFormat="1" ht="15" customHeight="1" x14ac:dyDescent="0.15">
      <c r="A36" s="615"/>
      <c r="B36" s="682"/>
      <c r="C36" s="456" t="s">
        <v>0</v>
      </c>
      <c r="D36" s="455" t="s">
        <v>232</v>
      </c>
      <c r="E36" s="452">
        <v>119.7</v>
      </c>
      <c r="F36" s="453">
        <v>5.2</v>
      </c>
      <c r="G36" s="452">
        <v>125.7</v>
      </c>
      <c r="H36" s="452">
        <v>1.3</v>
      </c>
      <c r="I36" s="452">
        <v>133.19999999999999</v>
      </c>
      <c r="J36" s="452">
        <v>3.3</v>
      </c>
      <c r="K36" s="452">
        <v>76.7</v>
      </c>
      <c r="L36" s="452">
        <v>5.9</v>
      </c>
      <c r="M36" s="452">
        <v>114.5</v>
      </c>
      <c r="N36" s="452">
        <v>8.8000000000000007</v>
      </c>
      <c r="O36" s="452">
        <v>94.5</v>
      </c>
      <c r="P36" s="452">
        <v>-5.0999999999999996</v>
      </c>
      <c r="Q36" s="452">
        <v>134</v>
      </c>
      <c r="R36" s="452">
        <v>7.5</v>
      </c>
      <c r="S36" s="452">
        <v>91.1</v>
      </c>
      <c r="T36" s="452">
        <v>1</v>
      </c>
      <c r="U36" s="452">
        <v>169.1</v>
      </c>
      <c r="V36" s="452">
        <v>15.1</v>
      </c>
      <c r="W36" s="452">
        <v>154.80000000000001</v>
      </c>
      <c r="X36" s="452">
        <v>8.4</v>
      </c>
      <c r="Y36" s="452">
        <v>136</v>
      </c>
      <c r="Z36" s="452">
        <v>1.9</v>
      </c>
      <c r="AA36" s="452">
        <v>96.9</v>
      </c>
      <c r="AB36" s="452">
        <v>5.7</v>
      </c>
      <c r="AC36" s="452">
        <v>76.8</v>
      </c>
      <c r="AD36" s="452">
        <v>-21.1</v>
      </c>
      <c r="AE36" s="452">
        <v>130.6</v>
      </c>
      <c r="AF36" s="452">
        <v>25.3</v>
      </c>
      <c r="AG36" s="466">
        <v>103.7</v>
      </c>
      <c r="AH36" s="466">
        <v>10.4</v>
      </c>
      <c r="AI36" s="452">
        <v>100.9</v>
      </c>
      <c r="AJ36" s="452">
        <v>10</v>
      </c>
      <c r="AK36" s="196"/>
    </row>
    <row r="37" spans="1:37" s="424" customFormat="1" ht="15" customHeight="1" x14ac:dyDescent="0.15">
      <c r="A37" s="615"/>
      <c r="B37" s="682"/>
      <c r="C37" s="456" t="s">
        <v>0</v>
      </c>
      <c r="D37" s="455" t="s">
        <v>233</v>
      </c>
      <c r="E37" s="450">
        <v>81.7</v>
      </c>
      <c r="F37" s="451">
        <v>-1.9</v>
      </c>
      <c r="G37" s="450">
        <v>100</v>
      </c>
      <c r="H37" s="450">
        <v>16.7</v>
      </c>
      <c r="I37" s="450">
        <v>76</v>
      </c>
      <c r="J37" s="450">
        <v>-5.4</v>
      </c>
      <c r="K37" s="450">
        <v>75.8</v>
      </c>
      <c r="L37" s="450">
        <v>6.3</v>
      </c>
      <c r="M37" s="450">
        <v>83</v>
      </c>
      <c r="N37" s="450">
        <v>-0.6</v>
      </c>
      <c r="O37" s="450">
        <v>66</v>
      </c>
      <c r="P37" s="450">
        <v>-8.1999999999999993</v>
      </c>
      <c r="Q37" s="450">
        <v>86.3</v>
      </c>
      <c r="R37" s="450">
        <v>-1.6</v>
      </c>
      <c r="S37" s="450">
        <v>72.3</v>
      </c>
      <c r="T37" s="450">
        <v>-8.8000000000000007</v>
      </c>
      <c r="U37" s="450">
        <v>102.9</v>
      </c>
      <c r="V37" s="450">
        <v>8.5</v>
      </c>
      <c r="W37" s="450">
        <v>86.4</v>
      </c>
      <c r="X37" s="450">
        <v>4.5999999999999996</v>
      </c>
      <c r="Y37" s="450">
        <v>132.19999999999999</v>
      </c>
      <c r="Z37" s="450">
        <v>24.4</v>
      </c>
      <c r="AA37" s="450">
        <v>104.9</v>
      </c>
      <c r="AB37" s="450">
        <v>6.5</v>
      </c>
      <c r="AC37" s="450">
        <v>67.900000000000006</v>
      </c>
      <c r="AD37" s="450">
        <v>-30.9</v>
      </c>
      <c r="AE37" s="450">
        <v>92.9</v>
      </c>
      <c r="AF37" s="450">
        <v>19.600000000000001</v>
      </c>
      <c r="AG37" s="465">
        <v>73.2</v>
      </c>
      <c r="AH37" s="465">
        <v>8.3000000000000007</v>
      </c>
      <c r="AI37" s="450">
        <v>80.400000000000006</v>
      </c>
      <c r="AJ37" s="450">
        <v>-4.9000000000000004</v>
      </c>
      <c r="AK37" s="422"/>
    </row>
    <row r="38" spans="1:37" s="454" customFormat="1" ht="15" customHeight="1" x14ac:dyDescent="0.15">
      <c r="A38" s="615"/>
      <c r="B38" s="682"/>
      <c r="C38" s="456" t="s">
        <v>0</v>
      </c>
      <c r="D38" s="455" t="s">
        <v>234</v>
      </c>
      <c r="E38" s="452">
        <v>80.900000000000006</v>
      </c>
      <c r="F38" s="453">
        <v>-0.6</v>
      </c>
      <c r="G38" s="452">
        <v>84.2</v>
      </c>
      <c r="H38" s="452">
        <v>-3.8</v>
      </c>
      <c r="I38" s="452">
        <v>78.599999999999994</v>
      </c>
      <c r="J38" s="452">
        <v>-6.7</v>
      </c>
      <c r="K38" s="452">
        <v>76.2</v>
      </c>
      <c r="L38" s="452">
        <v>5.7</v>
      </c>
      <c r="M38" s="452">
        <v>85</v>
      </c>
      <c r="N38" s="452">
        <v>5.9</v>
      </c>
      <c r="O38" s="452">
        <v>70.3</v>
      </c>
      <c r="P38" s="452">
        <v>-6</v>
      </c>
      <c r="Q38" s="452">
        <v>83.3</v>
      </c>
      <c r="R38" s="452">
        <v>8.5</v>
      </c>
      <c r="S38" s="452">
        <v>75.099999999999994</v>
      </c>
      <c r="T38" s="452">
        <v>1.6</v>
      </c>
      <c r="U38" s="452">
        <v>101.7</v>
      </c>
      <c r="V38" s="452">
        <v>9.1999999999999993</v>
      </c>
      <c r="W38" s="452">
        <v>79.599999999999994</v>
      </c>
      <c r="X38" s="452">
        <v>0</v>
      </c>
      <c r="Y38" s="452">
        <v>125.9</v>
      </c>
      <c r="Z38" s="452">
        <v>18.7</v>
      </c>
      <c r="AA38" s="452">
        <v>92.1</v>
      </c>
      <c r="AB38" s="452">
        <v>1.4</v>
      </c>
      <c r="AC38" s="452">
        <v>69.8</v>
      </c>
      <c r="AD38" s="452">
        <v>-13.8</v>
      </c>
      <c r="AE38" s="452">
        <v>89.9</v>
      </c>
      <c r="AF38" s="452">
        <v>13.1</v>
      </c>
      <c r="AG38" s="466">
        <v>75.599999999999994</v>
      </c>
      <c r="AH38" s="466">
        <v>4.5999999999999996</v>
      </c>
      <c r="AI38" s="452">
        <v>82.7</v>
      </c>
      <c r="AJ38" s="452">
        <v>-2.8</v>
      </c>
      <c r="AK38" s="196"/>
    </row>
    <row r="39" spans="1:37" s="424" customFormat="1" ht="15" customHeight="1" x14ac:dyDescent="0.15">
      <c r="A39" s="615"/>
      <c r="B39" s="682"/>
      <c r="C39" s="456" t="s">
        <v>0</v>
      </c>
      <c r="D39" s="455" t="s">
        <v>235</v>
      </c>
      <c r="E39" s="450">
        <v>80.8</v>
      </c>
      <c r="F39" s="451">
        <v>-1.8</v>
      </c>
      <c r="G39" s="450">
        <v>84</v>
      </c>
      <c r="H39" s="450">
        <v>-0.5</v>
      </c>
      <c r="I39" s="450">
        <v>79.099999999999994</v>
      </c>
      <c r="J39" s="450">
        <v>-5.2</v>
      </c>
      <c r="K39" s="450">
        <v>82.3</v>
      </c>
      <c r="L39" s="450">
        <v>5.9</v>
      </c>
      <c r="M39" s="450">
        <v>85.7</v>
      </c>
      <c r="N39" s="450">
        <v>6.1</v>
      </c>
      <c r="O39" s="450">
        <v>75</v>
      </c>
      <c r="P39" s="450">
        <v>-7.3</v>
      </c>
      <c r="Q39" s="450">
        <v>85.4</v>
      </c>
      <c r="R39" s="450">
        <v>5.7</v>
      </c>
      <c r="S39" s="450">
        <v>77</v>
      </c>
      <c r="T39" s="450">
        <v>0.3</v>
      </c>
      <c r="U39" s="450">
        <v>102</v>
      </c>
      <c r="V39" s="450">
        <v>12.6</v>
      </c>
      <c r="W39" s="450">
        <v>78.7</v>
      </c>
      <c r="X39" s="450">
        <v>-1.4</v>
      </c>
      <c r="Y39" s="450">
        <v>107.8</v>
      </c>
      <c r="Z39" s="450">
        <v>-1.4</v>
      </c>
      <c r="AA39" s="450">
        <v>89.3</v>
      </c>
      <c r="AB39" s="450">
        <v>-3</v>
      </c>
      <c r="AC39" s="450">
        <v>70.8</v>
      </c>
      <c r="AD39" s="450">
        <v>-14.6</v>
      </c>
      <c r="AE39" s="450">
        <v>86.8</v>
      </c>
      <c r="AF39" s="450">
        <v>10</v>
      </c>
      <c r="AG39" s="465">
        <v>81.8</v>
      </c>
      <c r="AH39" s="465">
        <v>-6.2</v>
      </c>
      <c r="AI39" s="450">
        <v>82</v>
      </c>
      <c r="AJ39" s="450">
        <v>-5</v>
      </c>
      <c r="AK39" s="422"/>
    </row>
    <row r="40" spans="1:37" s="454" customFormat="1" ht="15" customHeight="1" x14ac:dyDescent="0.15">
      <c r="A40" s="615"/>
      <c r="B40" s="23">
        <v>30</v>
      </c>
      <c r="C40" s="456" t="s">
        <v>0</v>
      </c>
      <c r="D40" s="455" t="s">
        <v>236</v>
      </c>
      <c r="E40" s="452">
        <v>84.6</v>
      </c>
      <c r="F40" s="453">
        <v>-4.5999999999999996</v>
      </c>
      <c r="G40" s="452">
        <v>106.6</v>
      </c>
      <c r="H40" s="452">
        <v>22.7</v>
      </c>
      <c r="I40" s="452">
        <v>85.6</v>
      </c>
      <c r="J40" s="452">
        <v>-7.5</v>
      </c>
      <c r="K40" s="452">
        <v>77.5</v>
      </c>
      <c r="L40" s="452">
        <v>6.2</v>
      </c>
      <c r="M40" s="452">
        <v>90.2</v>
      </c>
      <c r="N40" s="452">
        <v>7.5</v>
      </c>
      <c r="O40" s="452">
        <v>72.599999999999994</v>
      </c>
      <c r="P40" s="452">
        <v>-4.8</v>
      </c>
      <c r="Q40" s="452">
        <v>85.1</v>
      </c>
      <c r="R40" s="452">
        <v>6.9</v>
      </c>
      <c r="S40" s="452">
        <v>72.7</v>
      </c>
      <c r="T40" s="452">
        <v>-12.6</v>
      </c>
      <c r="U40" s="452">
        <v>108.6</v>
      </c>
      <c r="V40" s="452">
        <v>12.5</v>
      </c>
      <c r="W40" s="452">
        <v>87.3</v>
      </c>
      <c r="X40" s="452">
        <v>4.7</v>
      </c>
      <c r="Y40" s="452">
        <v>105.1</v>
      </c>
      <c r="Z40" s="452">
        <v>-5.4</v>
      </c>
      <c r="AA40" s="452">
        <v>112.3</v>
      </c>
      <c r="AB40" s="452">
        <v>21</v>
      </c>
      <c r="AC40" s="452">
        <v>69.5</v>
      </c>
      <c r="AD40" s="452">
        <v>-31.9</v>
      </c>
      <c r="AE40" s="452">
        <v>90</v>
      </c>
      <c r="AF40" s="452">
        <v>4.9000000000000004</v>
      </c>
      <c r="AG40" s="466">
        <v>78.2</v>
      </c>
      <c r="AH40" s="466">
        <v>0.6</v>
      </c>
      <c r="AI40" s="452">
        <v>82.4</v>
      </c>
      <c r="AJ40" s="452">
        <v>-16.600000000000001</v>
      </c>
      <c r="AK40" s="196"/>
    </row>
    <row r="41" spans="1:37" s="424" customFormat="1" ht="15" customHeight="1" x14ac:dyDescent="0.15">
      <c r="A41" s="615"/>
      <c r="B41" s="683" t="s">
        <v>208</v>
      </c>
      <c r="C41" s="456" t="s">
        <v>0</v>
      </c>
      <c r="D41" s="455" t="s">
        <v>237</v>
      </c>
      <c r="E41" s="450">
        <v>182.4</v>
      </c>
      <c r="F41" s="451">
        <v>3.8</v>
      </c>
      <c r="G41" s="450">
        <v>184.2</v>
      </c>
      <c r="H41" s="450">
        <v>3.8</v>
      </c>
      <c r="I41" s="450">
        <v>191.5</v>
      </c>
      <c r="J41" s="450">
        <v>-5.6</v>
      </c>
      <c r="K41" s="450">
        <v>189.8</v>
      </c>
      <c r="L41" s="450">
        <v>-6.5</v>
      </c>
      <c r="M41" s="450">
        <v>265.7</v>
      </c>
      <c r="N41" s="450">
        <v>20.100000000000001</v>
      </c>
      <c r="O41" s="450">
        <v>142.5</v>
      </c>
      <c r="P41" s="450">
        <v>-5.5</v>
      </c>
      <c r="Q41" s="450">
        <v>183.2</v>
      </c>
      <c r="R41" s="450">
        <v>17</v>
      </c>
      <c r="S41" s="450">
        <v>214.3</v>
      </c>
      <c r="T41" s="450">
        <v>8.9</v>
      </c>
      <c r="U41" s="450">
        <v>246.1</v>
      </c>
      <c r="V41" s="450">
        <v>57.5</v>
      </c>
      <c r="W41" s="450">
        <v>221.1</v>
      </c>
      <c r="X41" s="450">
        <v>5.2</v>
      </c>
      <c r="Y41" s="450">
        <v>199.6</v>
      </c>
      <c r="Z41" s="450">
        <v>25.4</v>
      </c>
      <c r="AA41" s="450">
        <v>121.7</v>
      </c>
      <c r="AB41" s="450">
        <v>14.4</v>
      </c>
      <c r="AC41" s="450">
        <v>170.4</v>
      </c>
      <c r="AD41" s="450">
        <v>2.2999999999999998</v>
      </c>
      <c r="AE41" s="450">
        <v>172.3</v>
      </c>
      <c r="AF41" s="450">
        <v>13.1</v>
      </c>
      <c r="AG41" s="465">
        <v>181.1</v>
      </c>
      <c r="AH41" s="465">
        <v>-7.1</v>
      </c>
      <c r="AI41" s="450">
        <v>145.80000000000001</v>
      </c>
      <c r="AJ41" s="450">
        <v>-6.5</v>
      </c>
      <c r="AK41" s="422"/>
    </row>
    <row r="42" spans="1:37" s="454" customFormat="1" ht="15" customHeight="1" x14ac:dyDescent="0.15">
      <c r="A42" s="615"/>
      <c r="B42" s="683"/>
      <c r="C42" s="456" t="s">
        <v>238</v>
      </c>
      <c r="D42" s="455" t="s">
        <v>239</v>
      </c>
      <c r="E42" s="452">
        <v>85.4</v>
      </c>
      <c r="F42" s="453">
        <v>4.8</v>
      </c>
      <c r="G42" s="452">
        <v>75.8</v>
      </c>
      <c r="H42" s="452">
        <v>-22.5</v>
      </c>
      <c r="I42" s="452">
        <v>89.2</v>
      </c>
      <c r="J42" s="452">
        <v>13.1</v>
      </c>
      <c r="K42" s="452">
        <v>77.099999999999994</v>
      </c>
      <c r="L42" s="452">
        <v>-0.3</v>
      </c>
      <c r="M42" s="452">
        <v>85.2</v>
      </c>
      <c r="N42" s="452">
        <v>1.8</v>
      </c>
      <c r="O42" s="452">
        <v>73.8</v>
      </c>
      <c r="P42" s="452">
        <v>2.1</v>
      </c>
      <c r="Q42" s="452">
        <v>92.8</v>
      </c>
      <c r="R42" s="452">
        <v>17.8</v>
      </c>
      <c r="S42" s="452">
        <v>69</v>
      </c>
      <c r="T42" s="452">
        <v>-2.7</v>
      </c>
      <c r="U42" s="452">
        <v>154.30000000000001</v>
      </c>
      <c r="V42" s="452">
        <v>-4.5</v>
      </c>
      <c r="W42" s="452">
        <v>78.400000000000006</v>
      </c>
      <c r="X42" s="452">
        <v>-6.9</v>
      </c>
      <c r="Y42" s="452">
        <v>172.8</v>
      </c>
      <c r="Z42" s="452">
        <v>34.200000000000003</v>
      </c>
      <c r="AA42" s="452">
        <v>100.7</v>
      </c>
      <c r="AB42" s="452">
        <v>-1.9</v>
      </c>
      <c r="AC42" s="452">
        <v>65.900000000000006</v>
      </c>
      <c r="AD42" s="452">
        <v>-3.4</v>
      </c>
      <c r="AE42" s="452">
        <v>92.6</v>
      </c>
      <c r="AF42" s="452">
        <v>3.8</v>
      </c>
      <c r="AG42" s="466">
        <v>74.5</v>
      </c>
      <c r="AH42" s="452">
        <v>-7.2</v>
      </c>
      <c r="AI42" s="452">
        <v>80.2</v>
      </c>
      <c r="AJ42" s="452">
        <v>1.5</v>
      </c>
      <c r="AK42" s="196"/>
    </row>
    <row r="43" spans="1:37" s="424" customFormat="1" ht="15" customHeight="1" x14ac:dyDescent="0.15">
      <c r="A43" s="615"/>
      <c r="B43" s="683"/>
      <c r="C43" s="456" t="s">
        <v>0</v>
      </c>
      <c r="D43" s="455" t="s">
        <v>240</v>
      </c>
      <c r="E43" s="450">
        <v>82.1</v>
      </c>
      <c r="F43" s="451">
        <v>3.9</v>
      </c>
      <c r="G43" s="450">
        <v>84.7</v>
      </c>
      <c r="H43" s="450">
        <v>2.5</v>
      </c>
      <c r="I43" s="450">
        <v>83.8</v>
      </c>
      <c r="J43" s="450">
        <v>10</v>
      </c>
      <c r="K43" s="450">
        <v>77.8</v>
      </c>
      <c r="L43" s="450">
        <v>1.6</v>
      </c>
      <c r="M43" s="450">
        <v>87.3</v>
      </c>
      <c r="N43" s="450">
        <v>3.2</v>
      </c>
      <c r="O43" s="450">
        <v>69.7</v>
      </c>
      <c r="P43" s="450">
        <v>-0.9</v>
      </c>
      <c r="Q43" s="450">
        <v>93</v>
      </c>
      <c r="R43" s="450">
        <v>17.899999999999999</v>
      </c>
      <c r="S43" s="450">
        <v>67.7</v>
      </c>
      <c r="T43" s="450">
        <v>-3.4</v>
      </c>
      <c r="U43" s="450">
        <v>100.1</v>
      </c>
      <c r="V43" s="450">
        <v>6.8</v>
      </c>
      <c r="W43" s="450">
        <v>80.900000000000006</v>
      </c>
      <c r="X43" s="450">
        <v>-0.9</v>
      </c>
      <c r="Y43" s="450">
        <v>123.1</v>
      </c>
      <c r="Z43" s="450">
        <v>-0.4</v>
      </c>
      <c r="AA43" s="450">
        <v>93</v>
      </c>
      <c r="AB43" s="450">
        <v>1.5</v>
      </c>
      <c r="AC43" s="450">
        <v>66.900000000000006</v>
      </c>
      <c r="AD43" s="450">
        <v>-2.6</v>
      </c>
      <c r="AE43" s="450">
        <v>85.3</v>
      </c>
      <c r="AF43" s="450">
        <v>-1.5</v>
      </c>
      <c r="AG43" s="465">
        <v>84.8</v>
      </c>
      <c r="AH43" s="450">
        <v>3</v>
      </c>
      <c r="AI43" s="450">
        <v>81</v>
      </c>
      <c r="AJ43" s="450">
        <v>0.2</v>
      </c>
      <c r="AK43" s="422"/>
    </row>
    <row r="44" spans="1:37" s="454" customFormat="1" ht="15" customHeight="1" x14ac:dyDescent="0.15">
      <c r="A44" s="615"/>
      <c r="B44" s="38"/>
      <c r="C44" s="456" t="s">
        <v>0</v>
      </c>
      <c r="D44" s="455" t="s">
        <v>241</v>
      </c>
      <c r="E44" s="452">
        <v>85.4</v>
      </c>
      <c r="F44" s="453">
        <v>3</v>
      </c>
      <c r="G44" s="452">
        <v>80.7</v>
      </c>
      <c r="H44" s="452">
        <v>-5.8</v>
      </c>
      <c r="I44" s="452">
        <v>91.3</v>
      </c>
      <c r="J44" s="452">
        <v>13.1</v>
      </c>
      <c r="K44" s="452">
        <v>79.7</v>
      </c>
      <c r="L44" s="452">
        <v>-0.3</v>
      </c>
      <c r="M44" s="452">
        <v>89.5</v>
      </c>
      <c r="N44" s="452">
        <v>-2.6</v>
      </c>
      <c r="O44" s="452">
        <v>73.5</v>
      </c>
      <c r="P44" s="452">
        <v>1.8</v>
      </c>
      <c r="Q44" s="452">
        <v>92.3</v>
      </c>
      <c r="R44" s="452">
        <v>12.8</v>
      </c>
      <c r="S44" s="452">
        <v>71.900000000000006</v>
      </c>
      <c r="T44" s="452">
        <v>0.3</v>
      </c>
      <c r="U44" s="452">
        <v>106.6</v>
      </c>
      <c r="V44" s="452">
        <v>10.6</v>
      </c>
      <c r="W44" s="452">
        <v>82.8</v>
      </c>
      <c r="X44" s="452">
        <v>2.1</v>
      </c>
      <c r="Y44" s="452">
        <v>140.5</v>
      </c>
      <c r="Z44" s="452">
        <v>9.6999999999999993</v>
      </c>
      <c r="AA44" s="452">
        <v>98.8</v>
      </c>
      <c r="AB44" s="452">
        <v>9.4</v>
      </c>
      <c r="AC44" s="452">
        <v>71.099999999999994</v>
      </c>
      <c r="AD44" s="452">
        <v>-3</v>
      </c>
      <c r="AE44" s="452">
        <v>86.1</v>
      </c>
      <c r="AF44" s="452">
        <v>-8.6999999999999993</v>
      </c>
      <c r="AG44" s="466">
        <v>77.8</v>
      </c>
      <c r="AH44" s="452">
        <v>-0.3</v>
      </c>
      <c r="AI44" s="452">
        <v>85.7</v>
      </c>
      <c r="AJ44" s="452">
        <v>0.2</v>
      </c>
      <c r="AK44" s="196"/>
    </row>
    <row r="45" spans="1:37" s="424" customFormat="1" ht="15" customHeight="1" x14ac:dyDescent="0.15">
      <c r="A45" s="615"/>
      <c r="B45" s="112"/>
      <c r="C45" s="456" t="s">
        <v>0</v>
      </c>
      <c r="D45" s="455" t="s">
        <v>242</v>
      </c>
      <c r="E45" s="450">
        <v>87.4</v>
      </c>
      <c r="F45" s="451">
        <v>4</v>
      </c>
      <c r="G45" s="450">
        <v>83.4</v>
      </c>
      <c r="H45" s="450">
        <v>-4.4000000000000004</v>
      </c>
      <c r="I45" s="450">
        <v>88</v>
      </c>
      <c r="J45" s="450">
        <v>7.7</v>
      </c>
      <c r="K45" s="450">
        <v>81.3</v>
      </c>
      <c r="L45" s="450">
        <v>2.9</v>
      </c>
      <c r="M45" s="450">
        <v>89.1</v>
      </c>
      <c r="N45" s="450">
        <v>0.8</v>
      </c>
      <c r="O45" s="450">
        <v>89.6</v>
      </c>
      <c r="P45" s="450">
        <v>9.4</v>
      </c>
      <c r="Q45" s="450">
        <v>95.9</v>
      </c>
      <c r="R45" s="450">
        <v>14.3</v>
      </c>
      <c r="S45" s="450">
        <v>65.099999999999994</v>
      </c>
      <c r="T45" s="450">
        <v>-12.3</v>
      </c>
      <c r="U45" s="450">
        <v>128.1</v>
      </c>
      <c r="V45" s="450">
        <v>3</v>
      </c>
      <c r="W45" s="450">
        <v>82.2</v>
      </c>
      <c r="X45" s="450">
        <v>-2.8</v>
      </c>
      <c r="Y45" s="450">
        <v>167.7</v>
      </c>
      <c r="Z45" s="450">
        <v>27.8</v>
      </c>
      <c r="AA45" s="450">
        <v>102.5</v>
      </c>
      <c r="AB45" s="450">
        <v>14.7</v>
      </c>
      <c r="AC45" s="450">
        <v>70.5</v>
      </c>
      <c r="AD45" s="450">
        <v>1</v>
      </c>
      <c r="AE45" s="450">
        <v>90</v>
      </c>
      <c r="AF45" s="450">
        <v>-1</v>
      </c>
      <c r="AG45" s="450">
        <v>75</v>
      </c>
      <c r="AH45" s="450">
        <v>1.1000000000000001</v>
      </c>
      <c r="AI45" s="450">
        <v>80.900000000000006</v>
      </c>
      <c r="AJ45" s="450">
        <v>-3.2</v>
      </c>
      <c r="AK45" s="422"/>
    </row>
    <row r="46" spans="1:37" s="454" customFormat="1" ht="15" customHeight="1" x14ac:dyDescent="0.15">
      <c r="A46" s="615"/>
      <c r="B46" s="38"/>
      <c r="C46" s="456" t="s">
        <v>0</v>
      </c>
      <c r="D46" s="455" t="s">
        <v>243</v>
      </c>
      <c r="E46" s="452">
        <v>86.2</v>
      </c>
      <c r="F46" s="453">
        <v>7.5</v>
      </c>
      <c r="G46" s="452">
        <v>81</v>
      </c>
      <c r="H46" s="452">
        <v>-4.8</v>
      </c>
      <c r="I46" s="452">
        <v>86.8</v>
      </c>
      <c r="J46" s="452">
        <v>12.4</v>
      </c>
      <c r="K46" s="452">
        <v>78</v>
      </c>
      <c r="L46" s="452">
        <v>1.8</v>
      </c>
      <c r="M46" s="452">
        <v>90.4</v>
      </c>
      <c r="N46" s="452">
        <v>2.6</v>
      </c>
      <c r="O46" s="452">
        <v>73.900000000000006</v>
      </c>
      <c r="P46" s="452">
        <v>10.3</v>
      </c>
      <c r="Q46" s="452">
        <v>117</v>
      </c>
      <c r="R46" s="452">
        <v>31.8</v>
      </c>
      <c r="S46" s="452">
        <v>67.400000000000006</v>
      </c>
      <c r="T46" s="452">
        <v>-6.4</v>
      </c>
      <c r="U46" s="452">
        <v>104.3</v>
      </c>
      <c r="V46" s="452">
        <v>-1.1000000000000001</v>
      </c>
      <c r="W46" s="452">
        <v>80.3</v>
      </c>
      <c r="X46" s="452">
        <v>2.6</v>
      </c>
      <c r="Y46" s="452">
        <v>162.30000000000001</v>
      </c>
      <c r="Z46" s="452">
        <v>22.7</v>
      </c>
      <c r="AA46" s="452">
        <v>100.9</v>
      </c>
      <c r="AB46" s="452">
        <v>12</v>
      </c>
      <c r="AC46" s="452">
        <v>65</v>
      </c>
      <c r="AD46" s="452">
        <v>-2.2999999999999998</v>
      </c>
      <c r="AE46" s="452">
        <v>85.9</v>
      </c>
      <c r="AF46" s="452">
        <v>-2.4</v>
      </c>
      <c r="AG46" s="466">
        <v>83.8</v>
      </c>
      <c r="AH46" s="452">
        <v>15.9</v>
      </c>
      <c r="AI46" s="452">
        <v>79.099999999999994</v>
      </c>
      <c r="AJ46" s="452">
        <v>0.5</v>
      </c>
      <c r="AK46" s="196"/>
    </row>
    <row r="47" spans="1:37" s="424" customFormat="1" ht="14.25" customHeight="1" x14ac:dyDescent="0.15">
      <c r="A47" s="615"/>
      <c r="B47" s="112"/>
      <c r="C47" s="448"/>
      <c r="D47" s="455"/>
      <c r="E47" s="452"/>
      <c r="F47" s="453"/>
      <c r="G47" s="452"/>
      <c r="H47" s="452"/>
      <c r="I47" s="452"/>
      <c r="J47" s="452"/>
      <c r="K47" s="452"/>
      <c r="L47" s="452"/>
      <c r="M47" s="452"/>
      <c r="N47" s="452"/>
      <c r="O47" s="452"/>
      <c r="P47" s="452"/>
      <c r="Q47" s="452"/>
      <c r="R47" s="452"/>
      <c r="S47" s="452"/>
      <c r="T47" s="452"/>
      <c r="U47" s="452"/>
      <c r="V47" s="452"/>
      <c r="W47" s="452"/>
      <c r="X47" s="452"/>
      <c r="Y47" s="452"/>
      <c r="Z47" s="452"/>
      <c r="AA47" s="452"/>
      <c r="AB47" s="452"/>
      <c r="AC47" s="452"/>
      <c r="AD47" s="452"/>
      <c r="AE47" s="452"/>
      <c r="AF47" s="452"/>
      <c r="AG47" s="466"/>
      <c r="AH47" s="466"/>
      <c r="AI47" s="452"/>
      <c r="AJ47" s="452"/>
      <c r="AK47" s="422"/>
    </row>
    <row r="48" spans="1:37" s="424" customFormat="1" ht="14.25" customHeight="1" x14ac:dyDescent="0.15">
      <c r="A48" s="615"/>
      <c r="B48" s="112"/>
      <c r="C48" s="448" t="s">
        <v>238</v>
      </c>
      <c r="D48" s="455" t="s">
        <v>231</v>
      </c>
      <c r="E48" s="450">
        <v>154.4</v>
      </c>
      <c r="F48" s="451">
        <v>7.7</v>
      </c>
      <c r="G48" s="450">
        <v>169.7</v>
      </c>
      <c r="H48" s="450">
        <v>6.8</v>
      </c>
      <c r="I48" s="450">
        <v>169.6</v>
      </c>
      <c r="J48" s="450">
        <v>14.4</v>
      </c>
      <c r="K48" s="450">
        <v>152.5</v>
      </c>
      <c r="L48" s="450">
        <v>-18.2</v>
      </c>
      <c r="M48" s="450">
        <v>233.4</v>
      </c>
      <c r="N48" s="450">
        <v>-2.2000000000000002</v>
      </c>
      <c r="O48" s="450">
        <v>113.8</v>
      </c>
      <c r="P48" s="450">
        <v>-3.5</v>
      </c>
      <c r="Q48" s="450">
        <v>138.69999999999999</v>
      </c>
      <c r="R48" s="450">
        <v>17.2</v>
      </c>
      <c r="S48" s="450">
        <v>150.80000000000001</v>
      </c>
      <c r="T48" s="450">
        <v>-21.3</v>
      </c>
      <c r="U48" s="450">
        <v>181.9</v>
      </c>
      <c r="V48" s="450">
        <v>0.7</v>
      </c>
      <c r="W48" s="450">
        <v>197.8</v>
      </c>
      <c r="X48" s="450">
        <v>11</v>
      </c>
      <c r="Y48" s="450">
        <v>177.9</v>
      </c>
      <c r="Z48" s="450">
        <v>18.7</v>
      </c>
      <c r="AA48" s="450">
        <v>106</v>
      </c>
      <c r="AB48" s="450">
        <v>-9.3000000000000007</v>
      </c>
      <c r="AC48" s="450">
        <v>168.3</v>
      </c>
      <c r="AD48" s="450">
        <v>39.9</v>
      </c>
      <c r="AE48" s="450">
        <v>134.6</v>
      </c>
      <c r="AF48" s="450">
        <v>0.9</v>
      </c>
      <c r="AG48" s="450">
        <v>146.9</v>
      </c>
      <c r="AH48" s="450">
        <v>-6.7</v>
      </c>
      <c r="AI48" s="450">
        <v>116.1</v>
      </c>
      <c r="AJ48" s="450">
        <v>-6</v>
      </c>
      <c r="AK48" s="422"/>
    </row>
    <row r="49" spans="1:36" ht="11.25" customHeight="1" thickBot="1" x14ac:dyDescent="0.2">
      <c r="A49" s="615"/>
      <c r="B49" s="467"/>
      <c r="C49" s="468"/>
      <c r="D49" s="469"/>
      <c r="E49" s="470"/>
      <c r="F49" s="471"/>
      <c r="G49" s="470"/>
      <c r="H49" s="470"/>
      <c r="I49" s="470"/>
      <c r="J49" s="470"/>
      <c r="K49" s="470"/>
      <c r="L49" s="470"/>
      <c r="M49" s="470"/>
      <c r="N49" s="470"/>
      <c r="O49" s="470"/>
      <c r="P49" s="470"/>
      <c r="Q49" s="470"/>
      <c r="R49" s="470"/>
      <c r="S49" s="470"/>
      <c r="T49" s="470"/>
      <c r="U49" s="470"/>
      <c r="V49" s="470"/>
      <c r="W49" s="470"/>
      <c r="X49" s="470"/>
      <c r="Y49" s="470"/>
      <c r="Z49" s="470"/>
      <c r="AA49" s="470"/>
      <c r="AB49" s="470"/>
      <c r="AC49" s="470"/>
      <c r="AD49" s="470"/>
      <c r="AE49" s="470"/>
      <c r="AF49" s="470"/>
      <c r="AG49" s="470"/>
      <c r="AH49" s="470"/>
      <c r="AI49" s="470"/>
      <c r="AJ49" s="470"/>
    </row>
    <row r="50" spans="1:36" ht="14.25" customHeight="1" x14ac:dyDescent="0.15">
      <c r="A50" s="615"/>
      <c r="C50" s="684" t="s">
        <v>209</v>
      </c>
      <c r="D50" s="685"/>
      <c r="E50" s="685"/>
      <c r="F50" s="685"/>
      <c r="G50" s="685"/>
      <c r="H50" s="685"/>
      <c r="I50" s="685"/>
      <c r="J50" s="685"/>
      <c r="K50" s="685"/>
      <c r="L50" s="685"/>
      <c r="M50" s="686"/>
      <c r="N50" s="686"/>
      <c r="O50" s="686"/>
      <c r="P50" s="686"/>
      <c r="Q50" s="686"/>
      <c r="R50" s="686"/>
      <c r="S50" s="686"/>
      <c r="T50" s="686"/>
      <c r="U50" s="686"/>
      <c r="V50" s="686"/>
      <c r="W50" s="686"/>
      <c r="X50" s="686"/>
      <c r="Y50" s="686"/>
      <c r="Z50" s="686"/>
      <c r="AA50" s="686"/>
      <c r="AB50" s="686"/>
      <c r="AC50" s="686"/>
      <c r="AD50" s="686"/>
      <c r="AE50" s="686"/>
      <c r="AF50" s="686"/>
      <c r="AG50" s="473"/>
      <c r="AH50" s="473"/>
      <c r="AI50" s="473"/>
      <c r="AJ50" s="473"/>
    </row>
  </sheetData>
  <mergeCells count="54">
    <mergeCell ref="AI5:AJ5"/>
    <mergeCell ref="E6:F6"/>
    <mergeCell ref="G6:H6"/>
    <mergeCell ref="I6:J6"/>
    <mergeCell ref="K6:L6"/>
    <mergeCell ref="M6:N6"/>
    <mergeCell ref="O6:P6"/>
    <mergeCell ref="AG6:AH6"/>
    <mergeCell ref="AI6:AJ6"/>
    <mergeCell ref="U6:V6"/>
    <mergeCell ref="W6:X6"/>
    <mergeCell ref="Y6:Z6"/>
    <mergeCell ref="AA6:AB6"/>
    <mergeCell ref="AG4:AH4"/>
    <mergeCell ref="Q6:R6"/>
    <mergeCell ref="S6:T6"/>
    <mergeCell ref="U5:V5"/>
    <mergeCell ref="W5:X5"/>
    <mergeCell ref="Y5:Z5"/>
    <mergeCell ref="AA5:AB5"/>
    <mergeCell ref="AC6:AD6"/>
    <mergeCell ref="AE6:AF6"/>
    <mergeCell ref="AG5:AH5"/>
    <mergeCell ref="AC5:AD5"/>
    <mergeCell ref="AE5:AF5"/>
    <mergeCell ref="AA4:AB4"/>
    <mergeCell ref="AC4:AD4"/>
    <mergeCell ref="AE4:AF4"/>
    <mergeCell ref="AF1:AJ1"/>
    <mergeCell ref="H2:L2"/>
    <mergeCell ref="P2:T2"/>
    <mergeCell ref="C3:D7"/>
    <mergeCell ref="E4:F4"/>
    <mergeCell ref="G4:H4"/>
    <mergeCell ref="I4:J4"/>
    <mergeCell ref="AI4:AJ4"/>
    <mergeCell ref="K5:L5"/>
    <mergeCell ref="M5:N5"/>
    <mergeCell ref="O5:P5"/>
    <mergeCell ref="Q5:R5"/>
    <mergeCell ref="S5:T5"/>
    <mergeCell ref="O4:P4"/>
    <mergeCell ref="Q4:R4"/>
    <mergeCell ref="S4:T4"/>
    <mergeCell ref="K4:L4"/>
    <mergeCell ref="M4:N4"/>
    <mergeCell ref="W4:X4"/>
    <mergeCell ref="Y4:Z4"/>
    <mergeCell ref="A1:A50"/>
    <mergeCell ref="U4:V4"/>
    <mergeCell ref="B8:B28"/>
    <mergeCell ref="B35:B39"/>
    <mergeCell ref="B41:B43"/>
    <mergeCell ref="C50:AF50"/>
  </mergeCells>
  <phoneticPr fontId="3"/>
  <printOptions horizontalCentered="1"/>
  <pageMargins left="0.59055118110236227" right="0.59055118110236227" top="0.39370078740157483" bottom="0.59055118110236227" header="0" footer="0.19685039370078741"/>
  <pageSetup paperSize="9" scale="74" orientation="landscape" errors="blank" r:id="rId1"/>
  <headerFooter alignWithMargins="0"/>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7">
    <tabColor indexed="52"/>
  </sheetPr>
  <dimension ref="A1:AL52"/>
  <sheetViews>
    <sheetView view="pageBreakPreview" zoomScaleNormal="100" zoomScaleSheetLayoutView="100" workbookViewId="0">
      <selection sqref="A1:A50"/>
    </sheetView>
  </sheetViews>
  <sheetFormatPr defaultRowHeight="13.5" x14ac:dyDescent="0.15"/>
  <cols>
    <col min="1" max="1" width="4.375" style="321" customWidth="1"/>
    <col min="2" max="2" width="2.5" style="395" customWidth="1"/>
    <col min="3" max="3" width="6.625" style="395" customWidth="1"/>
    <col min="4" max="4" width="3.875" style="395" customWidth="1"/>
    <col min="5" max="32" width="4.875" style="395" customWidth="1"/>
    <col min="33" max="33" width="4.875" style="399" customWidth="1"/>
    <col min="34" max="36" width="4.875" style="395" customWidth="1"/>
    <col min="37" max="37" width="9" style="395"/>
  </cols>
  <sheetData>
    <row r="1" spans="1:37" ht="18.75" customHeight="1" x14ac:dyDescent="0.15">
      <c r="A1" s="615" t="s">
        <v>210</v>
      </c>
      <c r="B1" s="212" t="s">
        <v>211</v>
      </c>
      <c r="D1" s="417"/>
      <c r="E1" s="417"/>
      <c r="F1" s="417"/>
      <c r="G1" s="417"/>
      <c r="H1" s="417"/>
      <c r="I1" s="417"/>
      <c r="J1" s="417"/>
      <c r="K1" s="417"/>
      <c r="L1" s="417"/>
      <c r="M1" s="417"/>
      <c r="N1" s="417"/>
      <c r="O1" s="417"/>
      <c r="P1" s="417"/>
      <c r="Q1" s="417"/>
      <c r="R1" s="417"/>
      <c r="S1" s="417"/>
      <c r="T1" s="417"/>
      <c r="U1" s="417"/>
      <c r="V1" s="417"/>
      <c r="W1" s="417"/>
      <c r="X1" s="417"/>
      <c r="Y1" s="417"/>
      <c r="Z1" s="417"/>
      <c r="AA1" s="417"/>
      <c r="AB1" s="417"/>
      <c r="AC1" s="417"/>
      <c r="AD1" s="417"/>
      <c r="AE1" s="417"/>
      <c r="AF1" s="618" t="s">
        <v>212</v>
      </c>
      <c r="AG1" s="618"/>
      <c r="AH1" s="618"/>
      <c r="AI1" s="618"/>
      <c r="AJ1" s="618"/>
    </row>
    <row r="2" spans="1:37" s="424" customFormat="1" ht="3.75" customHeight="1" thickBot="1" x14ac:dyDescent="0.2">
      <c r="A2" s="615"/>
      <c r="B2" s="211"/>
      <c r="C2" s="420"/>
      <c r="D2" s="420"/>
      <c r="E2" s="420"/>
      <c r="F2" s="420"/>
      <c r="G2" s="421"/>
      <c r="H2" s="659"/>
      <c r="I2" s="659"/>
      <c r="J2" s="659"/>
      <c r="K2" s="659"/>
      <c r="L2" s="659"/>
      <c r="M2" s="420"/>
      <c r="N2" s="420"/>
      <c r="O2" s="420"/>
      <c r="P2" s="659"/>
      <c r="Q2" s="659"/>
      <c r="R2" s="659"/>
      <c r="S2" s="659"/>
      <c r="T2" s="659"/>
      <c r="U2" s="420"/>
      <c r="V2" s="420"/>
      <c r="W2" s="420"/>
      <c r="X2" s="420"/>
      <c r="Y2" s="420"/>
      <c r="Z2" s="420"/>
      <c r="AA2" s="420"/>
      <c r="AB2" s="422"/>
      <c r="AC2" s="422"/>
      <c r="AD2" s="422"/>
      <c r="AE2" s="422"/>
      <c r="AF2" s="423"/>
      <c r="AG2" s="423"/>
      <c r="AH2" s="423"/>
      <c r="AI2" s="423"/>
      <c r="AJ2" s="423"/>
      <c r="AK2" s="422"/>
    </row>
    <row r="3" spans="1:37" s="424" customFormat="1" ht="6" customHeight="1" x14ac:dyDescent="0.15">
      <c r="A3" s="615"/>
      <c r="B3" s="425"/>
      <c r="C3" s="660"/>
      <c r="D3" s="661"/>
      <c r="E3" s="426"/>
      <c r="F3" s="427"/>
      <c r="G3" s="428"/>
      <c r="H3" s="429"/>
      <c r="I3" s="426"/>
      <c r="J3" s="429"/>
      <c r="K3" s="426"/>
      <c r="L3" s="429"/>
      <c r="M3" s="426"/>
      <c r="N3" s="429"/>
      <c r="O3" s="426"/>
      <c r="P3" s="429"/>
      <c r="Q3" s="426"/>
      <c r="R3" s="429"/>
      <c r="S3" s="426"/>
      <c r="T3" s="428"/>
      <c r="U3" s="426"/>
      <c r="V3" s="429"/>
      <c r="W3" s="426"/>
      <c r="X3" s="429"/>
      <c r="Y3" s="426"/>
      <c r="Z3" s="429"/>
      <c r="AA3" s="426"/>
      <c r="AB3" s="429"/>
      <c r="AC3" s="426"/>
      <c r="AD3" s="428"/>
      <c r="AE3" s="426"/>
      <c r="AF3" s="429"/>
      <c r="AG3" s="430"/>
      <c r="AH3" s="429"/>
      <c r="AI3" s="426"/>
      <c r="AJ3" s="428"/>
      <c r="AK3" s="422"/>
    </row>
    <row r="4" spans="1:37" s="424" customFormat="1" ht="10.5" customHeight="1" x14ac:dyDescent="0.15">
      <c r="A4" s="615"/>
      <c r="B4" s="431"/>
      <c r="C4" s="662"/>
      <c r="D4" s="663"/>
      <c r="E4" s="652" t="s">
        <v>89</v>
      </c>
      <c r="F4" s="666"/>
      <c r="G4" s="667" t="s">
        <v>1</v>
      </c>
      <c r="H4" s="653"/>
      <c r="I4" s="652" t="s">
        <v>2</v>
      </c>
      <c r="J4" s="653"/>
      <c r="K4" s="652" t="s">
        <v>182</v>
      </c>
      <c r="L4" s="653"/>
      <c r="M4" s="654" t="s">
        <v>183</v>
      </c>
      <c r="N4" s="655"/>
      <c r="O4" s="654" t="s">
        <v>184</v>
      </c>
      <c r="P4" s="655"/>
      <c r="Q4" s="652" t="s">
        <v>185</v>
      </c>
      <c r="R4" s="673"/>
      <c r="S4" s="654" t="s">
        <v>186</v>
      </c>
      <c r="T4" s="655"/>
      <c r="U4" s="654" t="s">
        <v>187</v>
      </c>
      <c r="V4" s="655"/>
      <c r="W4" s="656" t="s">
        <v>188</v>
      </c>
      <c r="X4" s="657"/>
      <c r="Y4" s="654" t="s">
        <v>189</v>
      </c>
      <c r="Z4" s="658"/>
      <c r="AA4" s="656" t="s">
        <v>190</v>
      </c>
      <c r="AB4" s="657"/>
      <c r="AC4" s="654" t="s">
        <v>191</v>
      </c>
      <c r="AD4" s="658"/>
      <c r="AE4" s="654" t="s">
        <v>192</v>
      </c>
      <c r="AF4" s="658"/>
      <c r="AG4" s="654" t="s">
        <v>193</v>
      </c>
      <c r="AH4" s="658"/>
      <c r="AI4" s="654" t="s">
        <v>194</v>
      </c>
      <c r="AJ4" s="668"/>
      <c r="AK4" s="422"/>
    </row>
    <row r="5" spans="1:37" s="424" customFormat="1" ht="10.5" customHeight="1" x14ac:dyDescent="0.15">
      <c r="A5" s="615"/>
      <c r="B5" s="431"/>
      <c r="C5" s="662"/>
      <c r="D5" s="663"/>
      <c r="E5" s="432"/>
      <c r="F5" s="433"/>
      <c r="G5" s="434"/>
      <c r="H5" s="435"/>
      <c r="I5" s="432"/>
      <c r="J5" s="435"/>
      <c r="K5" s="669" t="s">
        <v>195</v>
      </c>
      <c r="L5" s="670"/>
      <c r="M5" s="671"/>
      <c r="N5" s="655"/>
      <c r="O5" s="672" t="s">
        <v>196</v>
      </c>
      <c r="P5" s="655"/>
      <c r="Q5" s="652" t="s">
        <v>197</v>
      </c>
      <c r="R5" s="673"/>
      <c r="S5" s="654" t="s">
        <v>198</v>
      </c>
      <c r="T5" s="655"/>
      <c r="U5" s="654" t="s">
        <v>199</v>
      </c>
      <c r="V5" s="655"/>
      <c r="W5" s="656" t="s">
        <v>200</v>
      </c>
      <c r="X5" s="657"/>
      <c r="Y5" s="656" t="s">
        <v>201</v>
      </c>
      <c r="Z5" s="657"/>
      <c r="AA5" s="654" t="s">
        <v>202</v>
      </c>
      <c r="AB5" s="655"/>
      <c r="AC5" s="654" t="s">
        <v>203</v>
      </c>
      <c r="AD5" s="658"/>
      <c r="AE5" s="654"/>
      <c r="AF5" s="655"/>
      <c r="AG5" s="654" t="s">
        <v>204</v>
      </c>
      <c r="AH5" s="655"/>
      <c r="AI5" s="654"/>
      <c r="AJ5" s="676"/>
      <c r="AK5" s="422"/>
    </row>
    <row r="6" spans="1:37" s="437" customFormat="1" ht="15" customHeight="1" x14ac:dyDescent="0.15">
      <c r="A6" s="615"/>
      <c r="B6" s="436"/>
      <c r="C6" s="662"/>
      <c r="D6" s="663"/>
      <c r="E6" s="674" t="s">
        <v>205</v>
      </c>
      <c r="F6" s="677"/>
      <c r="G6" s="678" t="s">
        <v>205</v>
      </c>
      <c r="H6" s="675"/>
      <c r="I6" s="674" t="s">
        <v>205</v>
      </c>
      <c r="J6" s="675"/>
      <c r="K6" s="674" t="s">
        <v>205</v>
      </c>
      <c r="L6" s="675"/>
      <c r="M6" s="674" t="s">
        <v>205</v>
      </c>
      <c r="N6" s="675"/>
      <c r="O6" s="674" t="s">
        <v>205</v>
      </c>
      <c r="P6" s="675"/>
      <c r="Q6" s="674" t="s">
        <v>205</v>
      </c>
      <c r="R6" s="675"/>
      <c r="S6" s="674" t="s">
        <v>205</v>
      </c>
      <c r="T6" s="675"/>
      <c r="U6" s="674" t="s">
        <v>205</v>
      </c>
      <c r="V6" s="675"/>
      <c r="W6" s="674" t="s">
        <v>205</v>
      </c>
      <c r="X6" s="675"/>
      <c r="Y6" s="674" t="s">
        <v>205</v>
      </c>
      <c r="Z6" s="675"/>
      <c r="AA6" s="674" t="s">
        <v>205</v>
      </c>
      <c r="AB6" s="675"/>
      <c r="AC6" s="674" t="s">
        <v>205</v>
      </c>
      <c r="AD6" s="675"/>
      <c r="AE6" s="674" t="s">
        <v>205</v>
      </c>
      <c r="AF6" s="675"/>
      <c r="AG6" s="674" t="s">
        <v>205</v>
      </c>
      <c r="AH6" s="675"/>
      <c r="AI6" s="674" t="s">
        <v>205</v>
      </c>
      <c r="AJ6" s="678"/>
      <c r="AK6" s="420"/>
    </row>
    <row r="7" spans="1:37" s="424" customFormat="1" ht="7.5" customHeight="1" x14ac:dyDescent="0.15">
      <c r="A7" s="615"/>
      <c r="B7" s="438"/>
      <c r="C7" s="664"/>
      <c r="D7" s="665"/>
      <c r="E7" s="439"/>
      <c r="F7" s="440" t="s">
        <v>164</v>
      </c>
      <c r="G7" s="441"/>
      <c r="H7" s="442" t="s">
        <v>164</v>
      </c>
      <c r="I7" s="439"/>
      <c r="J7" s="442" t="s">
        <v>164</v>
      </c>
      <c r="K7" s="439"/>
      <c r="L7" s="442" t="s">
        <v>164</v>
      </c>
      <c r="M7" s="439"/>
      <c r="N7" s="442" t="s">
        <v>164</v>
      </c>
      <c r="O7" s="439"/>
      <c r="P7" s="442" t="s">
        <v>164</v>
      </c>
      <c r="Q7" s="439"/>
      <c r="R7" s="442" t="s">
        <v>164</v>
      </c>
      <c r="S7" s="439"/>
      <c r="T7" s="442" t="s">
        <v>164</v>
      </c>
      <c r="U7" s="439"/>
      <c r="V7" s="442" t="s">
        <v>164</v>
      </c>
      <c r="W7" s="439"/>
      <c r="X7" s="442" t="s">
        <v>164</v>
      </c>
      <c r="Y7" s="439"/>
      <c r="Z7" s="442" t="s">
        <v>164</v>
      </c>
      <c r="AA7" s="439"/>
      <c r="AB7" s="442" t="s">
        <v>164</v>
      </c>
      <c r="AC7" s="439"/>
      <c r="AD7" s="442" t="s">
        <v>164</v>
      </c>
      <c r="AE7" s="439"/>
      <c r="AF7" s="442" t="s">
        <v>164</v>
      </c>
      <c r="AG7" s="443"/>
      <c r="AH7" s="442" t="s">
        <v>164</v>
      </c>
      <c r="AI7" s="439"/>
      <c r="AJ7" s="334" t="s">
        <v>164</v>
      </c>
      <c r="AK7" s="422"/>
    </row>
    <row r="8" spans="1:37" s="424" customFormat="1" ht="11.25" customHeight="1" x14ac:dyDescent="0.15">
      <c r="A8" s="615"/>
      <c r="B8" s="679" t="s">
        <v>206</v>
      </c>
      <c r="C8" s="444"/>
      <c r="D8" s="445"/>
      <c r="E8" s="446"/>
      <c r="F8" s="447"/>
      <c r="G8" s="446"/>
      <c r="H8" s="446"/>
      <c r="I8" s="446"/>
      <c r="J8" s="446"/>
      <c r="K8" s="446"/>
      <c r="L8" s="446"/>
      <c r="M8" s="446"/>
      <c r="N8" s="446"/>
      <c r="O8" s="446"/>
      <c r="P8" s="446"/>
      <c r="Q8" s="446"/>
      <c r="R8" s="446"/>
      <c r="S8" s="446"/>
      <c r="T8" s="446"/>
      <c r="U8" s="446"/>
      <c r="V8" s="446"/>
      <c r="W8" s="446"/>
      <c r="X8" s="446"/>
      <c r="Y8" s="446"/>
      <c r="Z8" s="446"/>
      <c r="AA8" s="446"/>
      <c r="AB8" s="446"/>
      <c r="AC8" s="446"/>
      <c r="AD8" s="446"/>
      <c r="AE8" s="446"/>
      <c r="AF8" s="446"/>
      <c r="AG8" s="446"/>
      <c r="AH8" s="446"/>
      <c r="AI8" s="446"/>
      <c r="AJ8" s="446"/>
      <c r="AK8" s="422"/>
    </row>
    <row r="9" spans="1:37" s="424" customFormat="1" ht="13.5" customHeight="1" x14ac:dyDescent="0.15">
      <c r="A9" s="615"/>
      <c r="B9" s="680"/>
      <c r="C9" s="448" t="s">
        <v>226</v>
      </c>
      <c r="D9" s="449" t="s">
        <v>227</v>
      </c>
      <c r="E9" s="450">
        <v>103.2</v>
      </c>
      <c r="F9" s="451">
        <v>-0.9</v>
      </c>
      <c r="G9" s="450">
        <v>99.2</v>
      </c>
      <c r="H9" s="450">
        <v>5.6</v>
      </c>
      <c r="I9" s="450">
        <v>103.8</v>
      </c>
      <c r="J9" s="450">
        <v>-2.2000000000000002</v>
      </c>
      <c r="K9" s="450">
        <v>103.3</v>
      </c>
      <c r="L9" s="450">
        <v>-1.3</v>
      </c>
      <c r="M9" s="450">
        <v>105.1</v>
      </c>
      <c r="N9" s="450">
        <v>-13.5</v>
      </c>
      <c r="O9" s="450">
        <v>103.6</v>
      </c>
      <c r="P9" s="450">
        <v>9.6999999999999993</v>
      </c>
      <c r="Q9" s="450">
        <v>102.8</v>
      </c>
      <c r="R9" s="450">
        <v>-0.5</v>
      </c>
      <c r="S9" s="450">
        <v>97.8</v>
      </c>
      <c r="T9" s="450">
        <v>-7</v>
      </c>
      <c r="U9" s="450">
        <v>94.8</v>
      </c>
      <c r="V9" s="450">
        <v>-0.7</v>
      </c>
      <c r="W9" s="450">
        <v>104.7</v>
      </c>
      <c r="X9" s="450">
        <v>-0.8</v>
      </c>
      <c r="Y9" s="450">
        <v>106.6</v>
      </c>
      <c r="Z9" s="450">
        <v>1.9</v>
      </c>
      <c r="AA9" s="450">
        <v>102.2</v>
      </c>
      <c r="AB9" s="450">
        <v>2.9</v>
      </c>
      <c r="AC9" s="450">
        <v>99.8</v>
      </c>
      <c r="AD9" s="450">
        <v>-3.1</v>
      </c>
      <c r="AE9" s="450">
        <v>107</v>
      </c>
      <c r="AF9" s="450">
        <v>4.3</v>
      </c>
      <c r="AG9" s="450">
        <v>108.8</v>
      </c>
      <c r="AH9" s="450">
        <v>1.7</v>
      </c>
      <c r="AI9" s="450">
        <v>102</v>
      </c>
      <c r="AJ9" s="450">
        <v>-6.7</v>
      </c>
      <c r="AK9" s="422"/>
    </row>
    <row r="10" spans="1:37" s="454" customFormat="1" ht="13.5" customHeight="1" x14ac:dyDescent="0.15">
      <c r="A10" s="615"/>
      <c r="B10" s="680"/>
      <c r="C10" s="448" t="s">
        <v>226</v>
      </c>
      <c r="D10" s="449" t="s">
        <v>228</v>
      </c>
      <c r="E10" s="452">
        <v>100</v>
      </c>
      <c r="F10" s="453">
        <v>-3</v>
      </c>
      <c r="G10" s="452">
        <v>100</v>
      </c>
      <c r="H10" s="452">
        <v>0.9</v>
      </c>
      <c r="I10" s="452">
        <v>100</v>
      </c>
      <c r="J10" s="452">
        <v>-3.6</v>
      </c>
      <c r="K10" s="452">
        <v>100</v>
      </c>
      <c r="L10" s="452">
        <v>-3.1</v>
      </c>
      <c r="M10" s="452">
        <v>100</v>
      </c>
      <c r="N10" s="452">
        <v>-4.7</v>
      </c>
      <c r="O10" s="452">
        <v>100</v>
      </c>
      <c r="P10" s="452">
        <v>-3.3</v>
      </c>
      <c r="Q10" s="452">
        <v>100</v>
      </c>
      <c r="R10" s="452">
        <v>-2.5</v>
      </c>
      <c r="S10" s="452">
        <v>100</v>
      </c>
      <c r="T10" s="452">
        <v>2.4</v>
      </c>
      <c r="U10" s="452">
        <v>100</v>
      </c>
      <c r="V10" s="452">
        <v>5.7</v>
      </c>
      <c r="W10" s="452">
        <v>100</v>
      </c>
      <c r="X10" s="452">
        <v>-4.4000000000000004</v>
      </c>
      <c r="Y10" s="452">
        <v>100</v>
      </c>
      <c r="Z10" s="452">
        <v>-6.1</v>
      </c>
      <c r="AA10" s="452">
        <v>100</v>
      </c>
      <c r="AB10" s="452">
        <v>-2</v>
      </c>
      <c r="AC10" s="452">
        <v>100</v>
      </c>
      <c r="AD10" s="452">
        <v>0.3</v>
      </c>
      <c r="AE10" s="452">
        <v>100</v>
      </c>
      <c r="AF10" s="452">
        <v>-6.3</v>
      </c>
      <c r="AG10" s="452">
        <v>100</v>
      </c>
      <c r="AH10" s="452">
        <v>-8</v>
      </c>
      <c r="AI10" s="452">
        <v>100</v>
      </c>
      <c r="AJ10" s="452">
        <v>-1.9</v>
      </c>
      <c r="AK10" s="196"/>
    </row>
    <row r="11" spans="1:37" s="424" customFormat="1" ht="13.5" customHeight="1" x14ac:dyDescent="0.15">
      <c r="A11" s="615"/>
      <c r="B11" s="680"/>
      <c r="C11" s="448" t="s">
        <v>226</v>
      </c>
      <c r="D11" s="449" t="s">
        <v>229</v>
      </c>
      <c r="E11" s="450">
        <v>100</v>
      </c>
      <c r="F11" s="451">
        <v>0</v>
      </c>
      <c r="G11" s="450">
        <v>103</v>
      </c>
      <c r="H11" s="450">
        <v>3</v>
      </c>
      <c r="I11" s="450">
        <v>103.4</v>
      </c>
      <c r="J11" s="450">
        <v>3.4</v>
      </c>
      <c r="K11" s="450">
        <v>100.8</v>
      </c>
      <c r="L11" s="450">
        <v>0.8</v>
      </c>
      <c r="M11" s="450">
        <v>104.4</v>
      </c>
      <c r="N11" s="450">
        <v>4.4000000000000004</v>
      </c>
      <c r="O11" s="450">
        <v>91.4</v>
      </c>
      <c r="P11" s="450">
        <v>-8.6</v>
      </c>
      <c r="Q11" s="450">
        <v>96.3</v>
      </c>
      <c r="R11" s="450">
        <v>-3.7</v>
      </c>
      <c r="S11" s="450">
        <v>98.4</v>
      </c>
      <c r="T11" s="450">
        <v>-1.6</v>
      </c>
      <c r="U11" s="450">
        <v>113.9</v>
      </c>
      <c r="V11" s="450">
        <v>13.9</v>
      </c>
      <c r="W11" s="450">
        <v>99</v>
      </c>
      <c r="X11" s="450">
        <v>-1</v>
      </c>
      <c r="Y11" s="450">
        <v>109.9</v>
      </c>
      <c r="Z11" s="450">
        <v>9.9</v>
      </c>
      <c r="AA11" s="450">
        <v>111.9</v>
      </c>
      <c r="AB11" s="450">
        <v>11.9</v>
      </c>
      <c r="AC11" s="450">
        <v>104.1</v>
      </c>
      <c r="AD11" s="450">
        <v>4.0999999999999996</v>
      </c>
      <c r="AE11" s="450">
        <v>94.2</v>
      </c>
      <c r="AF11" s="450">
        <v>-5.8</v>
      </c>
      <c r="AG11" s="450">
        <v>101.3</v>
      </c>
      <c r="AH11" s="450">
        <v>1.3</v>
      </c>
      <c r="AI11" s="450">
        <v>100</v>
      </c>
      <c r="AJ11" s="450">
        <v>0</v>
      </c>
      <c r="AK11" s="422"/>
    </row>
    <row r="12" spans="1:37" s="454" customFormat="1" ht="13.5" customHeight="1" x14ac:dyDescent="0.15">
      <c r="A12" s="615"/>
      <c r="B12" s="680"/>
      <c r="C12" s="448" t="s">
        <v>226</v>
      </c>
      <c r="D12" s="449" t="s">
        <v>230</v>
      </c>
      <c r="E12" s="452">
        <v>97</v>
      </c>
      <c r="F12" s="453">
        <v>-3</v>
      </c>
      <c r="G12" s="452">
        <v>111.8</v>
      </c>
      <c r="H12" s="452">
        <v>8.5</v>
      </c>
      <c r="I12" s="452">
        <v>99.2</v>
      </c>
      <c r="J12" s="452">
        <v>-4.0999999999999996</v>
      </c>
      <c r="K12" s="452">
        <v>96</v>
      </c>
      <c r="L12" s="452">
        <v>-4.8</v>
      </c>
      <c r="M12" s="452">
        <v>112.5</v>
      </c>
      <c r="N12" s="452">
        <v>7.8</v>
      </c>
      <c r="O12" s="452">
        <v>89</v>
      </c>
      <c r="P12" s="452">
        <v>-2.6</v>
      </c>
      <c r="Q12" s="452">
        <v>94</v>
      </c>
      <c r="R12" s="452">
        <v>-2.4</v>
      </c>
      <c r="S12" s="452">
        <v>96.9</v>
      </c>
      <c r="T12" s="452">
        <v>-1.5</v>
      </c>
      <c r="U12" s="452">
        <v>117</v>
      </c>
      <c r="V12" s="452">
        <v>2.7</v>
      </c>
      <c r="W12" s="452">
        <v>103.3</v>
      </c>
      <c r="X12" s="452">
        <v>4.3</v>
      </c>
      <c r="Y12" s="452">
        <v>121.4</v>
      </c>
      <c r="Z12" s="452">
        <v>10.5</v>
      </c>
      <c r="AA12" s="452">
        <v>99.8</v>
      </c>
      <c r="AB12" s="452">
        <v>-10.8</v>
      </c>
      <c r="AC12" s="452">
        <v>83.4</v>
      </c>
      <c r="AD12" s="452">
        <v>-19.899999999999999</v>
      </c>
      <c r="AE12" s="452">
        <v>97.5</v>
      </c>
      <c r="AF12" s="452">
        <v>3.5</v>
      </c>
      <c r="AG12" s="452">
        <v>93.3</v>
      </c>
      <c r="AH12" s="452">
        <v>-7.9</v>
      </c>
      <c r="AI12" s="452">
        <v>94.2</v>
      </c>
      <c r="AJ12" s="452">
        <v>-5.8</v>
      </c>
      <c r="AK12" s="196"/>
    </row>
    <row r="13" spans="1:37" s="424" customFormat="1" ht="13.5" customHeight="1" x14ac:dyDescent="0.15">
      <c r="A13" s="615"/>
      <c r="B13" s="680"/>
      <c r="C13" s="448"/>
      <c r="D13" s="449"/>
      <c r="E13" s="452"/>
      <c r="F13" s="453"/>
      <c r="G13" s="452"/>
      <c r="H13" s="452"/>
      <c r="I13" s="452"/>
      <c r="J13" s="452"/>
      <c r="K13" s="452"/>
      <c r="L13" s="452"/>
      <c r="M13" s="452"/>
      <c r="N13" s="452"/>
      <c r="O13" s="452"/>
      <c r="P13" s="452"/>
      <c r="Q13" s="452"/>
      <c r="R13" s="452"/>
      <c r="S13" s="452"/>
      <c r="T13" s="452"/>
      <c r="U13" s="452"/>
      <c r="V13" s="452"/>
      <c r="W13" s="452"/>
      <c r="X13" s="452"/>
      <c r="Y13" s="452"/>
      <c r="Z13" s="452"/>
      <c r="AA13" s="452"/>
      <c r="AB13" s="452"/>
      <c r="AC13" s="452"/>
      <c r="AD13" s="452"/>
      <c r="AE13" s="452"/>
      <c r="AF13" s="452"/>
      <c r="AG13" s="452"/>
      <c r="AH13" s="452"/>
      <c r="AI13" s="452"/>
      <c r="AJ13" s="452"/>
      <c r="AK13" s="422"/>
    </row>
    <row r="14" spans="1:37" s="424" customFormat="1" ht="15" customHeight="1" x14ac:dyDescent="0.15">
      <c r="A14" s="615"/>
      <c r="B14" s="680"/>
      <c r="C14" s="448" t="s">
        <v>207</v>
      </c>
      <c r="D14" s="455" t="s">
        <v>231</v>
      </c>
      <c r="E14" s="450">
        <v>135</v>
      </c>
      <c r="F14" s="451">
        <v>-2.5</v>
      </c>
      <c r="G14" s="450">
        <v>171.7</v>
      </c>
      <c r="H14" s="450">
        <v>36.5</v>
      </c>
      <c r="I14" s="450">
        <v>143.9</v>
      </c>
      <c r="J14" s="450">
        <v>-9.8000000000000007</v>
      </c>
      <c r="K14" s="450">
        <v>192.1</v>
      </c>
      <c r="L14" s="450">
        <v>-14.2</v>
      </c>
      <c r="M14" s="450">
        <v>230.7</v>
      </c>
      <c r="N14" s="450">
        <v>14</v>
      </c>
      <c r="O14" s="450">
        <v>123.2</v>
      </c>
      <c r="P14" s="450">
        <v>8.1</v>
      </c>
      <c r="Q14" s="450">
        <v>103.9</v>
      </c>
      <c r="R14" s="450">
        <v>-12.8</v>
      </c>
      <c r="S14" s="450">
        <v>185.2</v>
      </c>
      <c r="T14" s="450">
        <v>3.3</v>
      </c>
      <c r="U14" s="450">
        <v>141.69999999999999</v>
      </c>
      <c r="V14" s="450">
        <v>-17.100000000000001</v>
      </c>
      <c r="W14" s="450">
        <v>166.7</v>
      </c>
      <c r="X14" s="450">
        <v>26.3</v>
      </c>
      <c r="Y14" s="450">
        <v>130.6</v>
      </c>
      <c r="Z14" s="450">
        <v>20.100000000000001</v>
      </c>
      <c r="AA14" s="450">
        <v>125.3</v>
      </c>
      <c r="AB14" s="450">
        <v>-20.5</v>
      </c>
      <c r="AC14" s="450">
        <v>117.2</v>
      </c>
      <c r="AD14" s="450">
        <v>-17.5</v>
      </c>
      <c r="AE14" s="450">
        <v>119.9</v>
      </c>
      <c r="AF14" s="450">
        <v>-0.2</v>
      </c>
      <c r="AG14" s="450">
        <v>143.9</v>
      </c>
      <c r="AH14" s="450">
        <v>-7.9</v>
      </c>
      <c r="AI14" s="450">
        <v>123.5</v>
      </c>
      <c r="AJ14" s="450">
        <v>-6.4</v>
      </c>
      <c r="AK14" s="422"/>
    </row>
    <row r="15" spans="1:37" s="454" customFormat="1" ht="15" customHeight="1" x14ac:dyDescent="0.15">
      <c r="A15" s="615"/>
      <c r="B15" s="680"/>
      <c r="C15" s="456" t="s">
        <v>0</v>
      </c>
      <c r="D15" s="455" t="s">
        <v>232</v>
      </c>
      <c r="E15" s="452">
        <v>114.4</v>
      </c>
      <c r="F15" s="453">
        <v>-1.4</v>
      </c>
      <c r="G15" s="452">
        <v>116.4</v>
      </c>
      <c r="H15" s="452">
        <v>0.3</v>
      </c>
      <c r="I15" s="452">
        <v>134.80000000000001</v>
      </c>
      <c r="J15" s="452">
        <v>4.8</v>
      </c>
      <c r="K15" s="452">
        <v>75.2</v>
      </c>
      <c r="L15" s="452">
        <v>-1.4</v>
      </c>
      <c r="M15" s="452">
        <v>107.1</v>
      </c>
      <c r="N15" s="452">
        <v>-1.1000000000000001</v>
      </c>
      <c r="O15" s="452">
        <v>99.9</v>
      </c>
      <c r="P15" s="452">
        <v>-7.3</v>
      </c>
      <c r="Q15" s="452">
        <v>117.5</v>
      </c>
      <c r="R15" s="452">
        <v>-4</v>
      </c>
      <c r="S15" s="452">
        <v>94.2</v>
      </c>
      <c r="T15" s="452">
        <v>3.1</v>
      </c>
      <c r="U15" s="452">
        <v>127.6</v>
      </c>
      <c r="V15" s="452">
        <v>-10.5</v>
      </c>
      <c r="W15" s="452">
        <v>141.69999999999999</v>
      </c>
      <c r="X15" s="452">
        <v>4.2</v>
      </c>
      <c r="Y15" s="452">
        <v>127</v>
      </c>
      <c r="Z15" s="452">
        <v>-0.1</v>
      </c>
      <c r="AA15" s="452">
        <v>93.1</v>
      </c>
      <c r="AB15" s="452">
        <v>-15.3</v>
      </c>
      <c r="AC15" s="452">
        <v>83.3</v>
      </c>
      <c r="AD15" s="452">
        <v>-18.100000000000001</v>
      </c>
      <c r="AE15" s="452">
        <v>117.9</v>
      </c>
      <c r="AF15" s="452">
        <v>11</v>
      </c>
      <c r="AG15" s="452">
        <v>99.9</v>
      </c>
      <c r="AH15" s="452">
        <v>-4.4000000000000004</v>
      </c>
      <c r="AI15" s="452">
        <v>102.5</v>
      </c>
      <c r="AJ15" s="452">
        <v>2.6</v>
      </c>
      <c r="AK15" s="196"/>
    </row>
    <row r="16" spans="1:37" s="424" customFormat="1" ht="15" customHeight="1" x14ac:dyDescent="0.15">
      <c r="A16" s="615"/>
      <c r="B16" s="680"/>
      <c r="C16" s="456" t="s">
        <v>0</v>
      </c>
      <c r="D16" s="455" t="s">
        <v>233</v>
      </c>
      <c r="E16" s="450">
        <v>82.3</v>
      </c>
      <c r="F16" s="451">
        <v>-4.2</v>
      </c>
      <c r="G16" s="450">
        <v>108.9</v>
      </c>
      <c r="H16" s="450">
        <v>15.7</v>
      </c>
      <c r="I16" s="450">
        <v>77.8</v>
      </c>
      <c r="J16" s="450">
        <v>-4.5</v>
      </c>
      <c r="K16" s="450">
        <v>74.099999999999994</v>
      </c>
      <c r="L16" s="450">
        <v>-1.3</v>
      </c>
      <c r="M16" s="450">
        <v>81.7</v>
      </c>
      <c r="N16" s="450">
        <v>0.6</v>
      </c>
      <c r="O16" s="450">
        <v>70.2</v>
      </c>
      <c r="P16" s="450">
        <v>-8.5</v>
      </c>
      <c r="Q16" s="450">
        <v>84.7</v>
      </c>
      <c r="R16" s="450">
        <v>0.5</v>
      </c>
      <c r="S16" s="450">
        <v>75.099999999999994</v>
      </c>
      <c r="T16" s="450">
        <v>-4.7</v>
      </c>
      <c r="U16" s="450">
        <v>81.7</v>
      </c>
      <c r="V16" s="450">
        <v>-6.9</v>
      </c>
      <c r="W16" s="450">
        <v>84.6</v>
      </c>
      <c r="X16" s="450">
        <v>3.8</v>
      </c>
      <c r="Y16" s="450">
        <v>118.4</v>
      </c>
      <c r="Z16" s="450">
        <v>12.4</v>
      </c>
      <c r="AA16" s="450">
        <v>95.7</v>
      </c>
      <c r="AB16" s="450">
        <v>-14.4</v>
      </c>
      <c r="AC16" s="450">
        <v>69.599999999999994</v>
      </c>
      <c r="AD16" s="450">
        <v>-30.1</v>
      </c>
      <c r="AE16" s="450">
        <v>87.9</v>
      </c>
      <c r="AF16" s="450">
        <v>6.3</v>
      </c>
      <c r="AG16" s="450">
        <v>69.7</v>
      </c>
      <c r="AH16" s="450">
        <v>-4.8</v>
      </c>
      <c r="AI16" s="450">
        <v>80.7</v>
      </c>
      <c r="AJ16" s="450">
        <v>-9.4</v>
      </c>
      <c r="AK16" s="422"/>
    </row>
    <row r="17" spans="1:38" s="454" customFormat="1" ht="15" customHeight="1" x14ac:dyDescent="0.15">
      <c r="A17" s="615"/>
      <c r="B17" s="680"/>
      <c r="C17" s="456" t="s">
        <v>0</v>
      </c>
      <c r="D17" s="455" t="s">
        <v>234</v>
      </c>
      <c r="E17" s="452">
        <v>81.3</v>
      </c>
      <c r="F17" s="453">
        <v>-3.4</v>
      </c>
      <c r="G17" s="452">
        <v>95.6</v>
      </c>
      <c r="H17" s="452">
        <v>0.1</v>
      </c>
      <c r="I17" s="452">
        <v>79.7</v>
      </c>
      <c r="J17" s="452">
        <v>-6.8</v>
      </c>
      <c r="K17" s="452">
        <v>74.099999999999994</v>
      </c>
      <c r="L17" s="452">
        <v>-2</v>
      </c>
      <c r="M17" s="452">
        <v>83.4</v>
      </c>
      <c r="N17" s="452">
        <v>4.8</v>
      </c>
      <c r="O17" s="452">
        <v>72.900000000000006</v>
      </c>
      <c r="P17" s="452">
        <v>-8</v>
      </c>
      <c r="Q17" s="452">
        <v>80.900000000000006</v>
      </c>
      <c r="R17" s="452">
        <v>4.0999999999999996</v>
      </c>
      <c r="S17" s="452">
        <v>79</v>
      </c>
      <c r="T17" s="452">
        <v>3.1</v>
      </c>
      <c r="U17" s="452">
        <v>92.1</v>
      </c>
      <c r="V17" s="452">
        <v>2.4</v>
      </c>
      <c r="W17" s="452">
        <v>78.2</v>
      </c>
      <c r="X17" s="452">
        <v>0.6</v>
      </c>
      <c r="Y17" s="452">
        <v>119.4</v>
      </c>
      <c r="Z17" s="452">
        <v>13</v>
      </c>
      <c r="AA17" s="452">
        <v>87.7</v>
      </c>
      <c r="AB17" s="452">
        <v>-17.100000000000001</v>
      </c>
      <c r="AC17" s="452">
        <v>73.8</v>
      </c>
      <c r="AD17" s="452">
        <v>-11.4</v>
      </c>
      <c r="AE17" s="452">
        <v>86</v>
      </c>
      <c r="AF17" s="452">
        <v>3</v>
      </c>
      <c r="AG17" s="452">
        <v>71.900000000000006</v>
      </c>
      <c r="AH17" s="452">
        <v>-4</v>
      </c>
      <c r="AI17" s="452">
        <v>82.1</v>
      </c>
      <c r="AJ17" s="452">
        <v>-7.2</v>
      </c>
      <c r="AK17" s="196"/>
    </row>
    <row r="18" spans="1:38" s="424" customFormat="1" ht="15" customHeight="1" x14ac:dyDescent="0.15">
      <c r="A18" s="615"/>
      <c r="B18" s="680"/>
      <c r="C18" s="456" t="s">
        <v>0</v>
      </c>
      <c r="D18" s="455" t="s">
        <v>235</v>
      </c>
      <c r="E18" s="450">
        <v>80.5</v>
      </c>
      <c r="F18" s="451">
        <v>-6.2</v>
      </c>
      <c r="G18" s="450">
        <v>92.1</v>
      </c>
      <c r="H18" s="450">
        <v>-1.5</v>
      </c>
      <c r="I18" s="450">
        <v>79.7</v>
      </c>
      <c r="J18" s="450">
        <v>-5.8</v>
      </c>
      <c r="K18" s="450">
        <v>79.7</v>
      </c>
      <c r="L18" s="450">
        <v>-1.8</v>
      </c>
      <c r="M18" s="450">
        <v>83.4</v>
      </c>
      <c r="N18" s="450">
        <v>4.8</v>
      </c>
      <c r="O18" s="450">
        <v>76.2</v>
      </c>
      <c r="P18" s="450">
        <v>-10.5</v>
      </c>
      <c r="Q18" s="450">
        <v>81.599999999999994</v>
      </c>
      <c r="R18" s="450">
        <v>-0.4</v>
      </c>
      <c r="S18" s="450">
        <v>76.900000000000006</v>
      </c>
      <c r="T18" s="450">
        <v>0.5</v>
      </c>
      <c r="U18" s="450">
        <v>91</v>
      </c>
      <c r="V18" s="450">
        <v>-10.5</v>
      </c>
      <c r="W18" s="450">
        <v>78.900000000000006</v>
      </c>
      <c r="X18" s="450">
        <v>0.4</v>
      </c>
      <c r="Y18" s="450">
        <v>108.9</v>
      </c>
      <c r="Z18" s="450">
        <v>-3.2</v>
      </c>
      <c r="AA18" s="450">
        <v>87.6</v>
      </c>
      <c r="AB18" s="450">
        <v>-17.600000000000001</v>
      </c>
      <c r="AC18" s="450">
        <v>70.8</v>
      </c>
      <c r="AD18" s="450">
        <v>-18.7</v>
      </c>
      <c r="AE18" s="450">
        <v>83.3</v>
      </c>
      <c r="AF18" s="450">
        <v>0.6</v>
      </c>
      <c r="AG18" s="450">
        <v>76.400000000000006</v>
      </c>
      <c r="AH18" s="450">
        <v>-12.4</v>
      </c>
      <c r="AI18" s="450">
        <v>81.2</v>
      </c>
      <c r="AJ18" s="450">
        <v>-9.8000000000000007</v>
      </c>
      <c r="AK18" s="422"/>
    </row>
    <row r="19" spans="1:38" s="454" customFormat="1" ht="15" customHeight="1" x14ac:dyDescent="0.15">
      <c r="A19" s="615"/>
      <c r="B19" s="680"/>
      <c r="C19" s="456" t="s">
        <v>0</v>
      </c>
      <c r="D19" s="455" t="s">
        <v>236</v>
      </c>
      <c r="E19" s="452">
        <v>84.3</v>
      </c>
      <c r="F19" s="453">
        <v>-7.2</v>
      </c>
      <c r="G19" s="452">
        <v>110.4</v>
      </c>
      <c r="H19" s="452">
        <v>12.4</v>
      </c>
      <c r="I19" s="452">
        <v>84.6</v>
      </c>
      <c r="J19" s="452">
        <v>-8.3000000000000007</v>
      </c>
      <c r="K19" s="452">
        <v>74.900000000000006</v>
      </c>
      <c r="L19" s="452">
        <v>-3.4</v>
      </c>
      <c r="M19" s="452">
        <v>87.6</v>
      </c>
      <c r="N19" s="452">
        <v>6.8</v>
      </c>
      <c r="O19" s="452">
        <v>79</v>
      </c>
      <c r="P19" s="452">
        <v>-2.7</v>
      </c>
      <c r="Q19" s="452">
        <v>84</v>
      </c>
      <c r="R19" s="452">
        <v>1.1000000000000001</v>
      </c>
      <c r="S19" s="452">
        <v>77.599999999999994</v>
      </c>
      <c r="T19" s="452">
        <v>-11</v>
      </c>
      <c r="U19" s="452">
        <v>93.4</v>
      </c>
      <c r="V19" s="452">
        <v>-0.8</v>
      </c>
      <c r="W19" s="452">
        <v>83.8</v>
      </c>
      <c r="X19" s="452">
        <v>1.2</v>
      </c>
      <c r="Y19" s="452">
        <v>109.1</v>
      </c>
      <c r="Z19" s="452">
        <v>-3.5</v>
      </c>
      <c r="AA19" s="452">
        <v>99.9</v>
      </c>
      <c r="AB19" s="452">
        <v>-1</v>
      </c>
      <c r="AC19" s="452">
        <v>70.8</v>
      </c>
      <c r="AD19" s="452">
        <v>-32.200000000000003</v>
      </c>
      <c r="AE19" s="452">
        <v>85.7</v>
      </c>
      <c r="AF19" s="452">
        <v>-3.4</v>
      </c>
      <c r="AG19" s="452">
        <v>76.2</v>
      </c>
      <c r="AH19" s="452">
        <v>-2.1</v>
      </c>
      <c r="AI19" s="452">
        <v>82.9</v>
      </c>
      <c r="AJ19" s="452">
        <v>-16</v>
      </c>
      <c r="AK19" s="196"/>
    </row>
    <row r="20" spans="1:38" s="424" customFormat="1" ht="15" customHeight="1" x14ac:dyDescent="0.15">
      <c r="A20" s="615"/>
      <c r="B20" s="680"/>
      <c r="C20" s="456" t="s">
        <v>0</v>
      </c>
      <c r="D20" s="455" t="s">
        <v>237</v>
      </c>
      <c r="E20" s="450">
        <v>166.3</v>
      </c>
      <c r="F20" s="451">
        <v>-1.7</v>
      </c>
      <c r="G20" s="450">
        <v>160.9</v>
      </c>
      <c r="H20" s="450">
        <v>2.8</v>
      </c>
      <c r="I20" s="450">
        <v>182.6</v>
      </c>
      <c r="J20" s="450">
        <v>-6.4</v>
      </c>
      <c r="K20" s="450">
        <v>187.8</v>
      </c>
      <c r="L20" s="450">
        <v>-14.1</v>
      </c>
      <c r="M20" s="450">
        <v>251.4</v>
      </c>
      <c r="N20" s="450">
        <v>21.6</v>
      </c>
      <c r="O20" s="450">
        <v>148.4</v>
      </c>
      <c r="P20" s="450">
        <v>-1.3</v>
      </c>
      <c r="Q20" s="450">
        <v>159.9</v>
      </c>
      <c r="R20" s="450">
        <v>2.8</v>
      </c>
      <c r="S20" s="450">
        <v>204.8</v>
      </c>
      <c r="T20" s="450">
        <v>11.4</v>
      </c>
      <c r="U20" s="450">
        <v>236.6</v>
      </c>
      <c r="V20" s="450">
        <v>18.7</v>
      </c>
      <c r="W20" s="450">
        <v>196.5</v>
      </c>
      <c r="X20" s="450">
        <v>2.2999999999999998</v>
      </c>
      <c r="Y20" s="450">
        <v>163.69999999999999</v>
      </c>
      <c r="Z20" s="450">
        <v>13.8</v>
      </c>
      <c r="AA20" s="450">
        <v>115.1</v>
      </c>
      <c r="AB20" s="450">
        <v>-8.4</v>
      </c>
      <c r="AC20" s="450">
        <v>159.80000000000001</v>
      </c>
      <c r="AD20" s="450">
        <v>-4.9000000000000004</v>
      </c>
      <c r="AE20" s="450">
        <v>145.5</v>
      </c>
      <c r="AF20" s="450">
        <v>0.4</v>
      </c>
      <c r="AG20" s="450">
        <v>188.5</v>
      </c>
      <c r="AH20" s="450">
        <v>-16.899999999999999</v>
      </c>
      <c r="AI20" s="450">
        <v>149.30000000000001</v>
      </c>
      <c r="AJ20" s="450">
        <v>-7.1</v>
      </c>
      <c r="AK20" s="422"/>
    </row>
    <row r="21" spans="1:38" s="454" customFormat="1" ht="15" customHeight="1" x14ac:dyDescent="0.15">
      <c r="A21" s="615"/>
      <c r="B21" s="680"/>
      <c r="C21" s="456" t="s">
        <v>238</v>
      </c>
      <c r="D21" s="455" t="s">
        <v>239</v>
      </c>
      <c r="E21" s="452">
        <v>81.5</v>
      </c>
      <c r="F21" s="453">
        <v>-3.7</v>
      </c>
      <c r="G21" s="452">
        <v>91.5</v>
      </c>
      <c r="H21" s="452">
        <v>-7.9</v>
      </c>
      <c r="I21" s="452">
        <v>85.9</v>
      </c>
      <c r="J21" s="452">
        <v>4.8</v>
      </c>
      <c r="K21" s="452">
        <v>73.2</v>
      </c>
      <c r="L21" s="452">
        <v>-6.8</v>
      </c>
      <c r="M21" s="452">
        <v>80.900000000000006</v>
      </c>
      <c r="N21" s="452">
        <v>-0.2</v>
      </c>
      <c r="O21" s="452">
        <v>74.099999999999994</v>
      </c>
      <c r="P21" s="452">
        <v>-7.8</v>
      </c>
      <c r="Q21" s="452">
        <v>83.1</v>
      </c>
      <c r="R21" s="452">
        <v>-1.4</v>
      </c>
      <c r="S21" s="452">
        <v>70.3</v>
      </c>
      <c r="T21" s="452">
        <v>-3</v>
      </c>
      <c r="U21" s="452">
        <v>110.8</v>
      </c>
      <c r="V21" s="452">
        <v>-0.8</v>
      </c>
      <c r="W21" s="452">
        <v>73.5</v>
      </c>
      <c r="X21" s="452">
        <v>-12.1</v>
      </c>
      <c r="Y21" s="452">
        <v>135.19999999999999</v>
      </c>
      <c r="Z21" s="452">
        <v>15.8</v>
      </c>
      <c r="AA21" s="452">
        <v>93.6</v>
      </c>
      <c r="AB21" s="452">
        <v>-13.1</v>
      </c>
      <c r="AC21" s="452">
        <v>69.3</v>
      </c>
      <c r="AD21" s="452">
        <v>-3.6</v>
      </c>
      <c r="AE21" s="452">
        <v>85.8</v>
      </c>
      <c r="AF21" s="452">
        <v>-4</v>
      </c>
      <c r="AG21" s="452">
        <v>70.8</v>
      </c>
      <c r="AH21" s="452">
        <v>-9.6999999999999993</v>
      </c>
      <c r="AI21" s="452">
        <v>72.099999999999994</v>
      </c>
      <c r="AJ21" s="452">
        <v>-16.5</v>
      </c>
      <c r="AK21" s="196"/>
    </row>
    <row r="22" spans="1:38" s="424" customFormat="1" ht="15" customHeight="1" x14ac:dyDescent="0.15">
      <c r="A22" s="615"/>
      <c r="B22" s="680"/>
      <c r="C22" s="456" t="s">
        <v>0</v>
      </c>
      <c r="D22" s="455" t="s">
        <v>240</v>
      </c>
      <c r="E22" s="450">
        <v>80.599999999999994</v>
      </c>
      <c r="F22" s="451">
        <v>-0.7</v>
      </c>
      <c r="G22" s="450">
        <v>95.6</v>
      </c>
      <c r="H22" s="450">
        <v>2</v>
      </c>
      <c r="I22" s="450">
        <v>82.5</v>
      </c>
      <c r="J22" s="450">
        <v>4.7</v>
      </c>
      <c r="K22" s="450">
        <v>74</v>
      </c>
      <c r="L22" s="450">
        <v>-5.0999999999999996</v>
      </c>
      <c r="M22" s="450">
        <v>83.4</v>
      </c>
      <c r="N22" s="450">
        <v>2.2999999999999998</v>
      </c>
      <c r="O22" s="450">
        <v>72.599999999999994</v>
      </c>
      <c r="P22" s="450">
        <v>-6.9</v>
      </c>
      <c r="Q22" s="450">
        <v>82.9</v>
      </c>
      <c r="R22" s="450">
        <v>4.4000000000000004</v>
      </c>
      <c r="S22" s="450">
        <v>69.599999999999994</v>
      </c>
      <c r="T22" s="450">
        <v>-1.7</v>
      </c>
      <c r="U22" s="450">
        <v>84.9</v>
      </c>
      <c r="V22" s="450">
        <v>3.8</v>
      </c>
      <c r="W22" s="450">
        <v>76</v>
      </c>
      <c r="X22" s="450">
        <v>-6.4</v>
      </c>
      <c r="Y22" s="450">
        <v>114</v>
      </c>
      <c r="Z22" s="450">
        <v>3.3</v>
      </c>
      <c r="AA22" s="450">
        <v>90.2</v>
      </c>
      <c r="AB22" s="450">
        <v>-4.5999999999999996</v>
      </c>
      <c r="AC22" s="450">
        <v>69.599999999999994</v>
      </c>
      <c r="AD22" s="450">
        <v>-1.6</v>
      </c>
      <c r="AE22" s="450">
        <v>82.6</v>
      </c>
      <c r="AF22" s="450">
        <v>-3.7</v>
      </c>
      <c r="AG22" s="450">
        <v>78.599999999999994</v>
      </c>
      <c r="AH22" s="450">
        <v>-0.3</v>
      </c>
      <c r="AI22" s="450">
        <v>81</v>
      </c>
      <c r="AJ22" s="450">
        <v>-5.4</v>
      </c>
      <c r="AK22" s="474"/>
      <c r="AL22" s="475"/>
    </row>
    <row r="23" spans="1:38" s="454" customFormat="1" ht="15" customHeight="1" x14ac:dyDescent="0.15">
      <c r="A23" s="615"/>
      <c r="B23" s="680"/>
      <c r="C23" s="456" t="s">
        <v>0</v>
      </c>
      <c r="D23" s="455" t="s">
        <v>241</v>
      </c>
      <c r="E23" s="452">
        <v>83.4</v>
      </c>
      <c r="F23" s="453">
        <v>-1.3</v>
      </c>
      <c r="G23" s="452">
        <v>92.5</v>
      </c>
      <c r="H23" s="452">
        <v>-7.8</v>
      </c>
      <c r="I23" s="452">
        <v>89.2</v>
      </c>
      <c r="J23" s="452">
        <v>8.1</v>
      </c>
      <c r="K23" s="452">
        <v>75.2</v>
      </c>
      <c r="L23" s="452">
        <v>-6.7</v>
      </c>
      <c r="M23" s="452">
        <v>85.3</v>
      </c>
      <c r="N23" s="452">
        <v>-2.1</v>
      </c>
      <c r="O23" s="452">
        <v>75.7</v>
      </c>
      <c r="P23" s="452">
        <v>-3.7</v>
      </c>
      <c r="Q23" s="452">
        <v>82.8</v>
      </c>
      <c r="R23" s="452">
        <v>0.6</v>
      </c>
      <c r="S23" s="452">
        <v>76.400000000000006</v>
      </c>
      <c r="T23" s="452">
        <v>7.2</v>
      </c>
      <c r="U23" s="452">
        <v>90.6</v>
      </c>
      <c r="V23" s="452">
        <v>5.6</v>
      </c>
      <c r="W23" s="452">
        <v>78.099999999999994</v>
      </c>
      <c r="X23" s="452">
        <v>-5</v>
      </c>
      <c r="Y23" s="452">
        <v>122.2</v>
      </c>
      <c r="Z23" s="452">
        <v>7.3</v>
      </c>
      <c r="AA23" s="452">
        <v>92.8</v>
      </c>
      <c r="AB23" s="452">
        <v>-4.9000000000000004</v>
      </c>
      <c r="AC23" s="452">
        <v>72.3</v>
      </c>
      <c r="AD23" s="452">
        <v>-2.4</v>
      </c>
      <c r="AE23" s="452">
        <v>85.2</v>
      </c>
      <c r="AF23" s="452">
        <v>-7.5</v>
      </c>
      <c r="AG23" s="452">
        <v>86</v>
      </c>
      <c r="AH23" s="452">
        <v>7.6</v>
      </c>
      <c r="AI23" s="452">
        <v>85.5</v>
      </c>
      <c r="AJ23" s="452">
        <v>-2.8</v>
      </c>
      <c r="AK23" s="476"/>
      <c r="AL23" s="477"/>
    </row>
    <row r="24" spans="1:38" s="424" customFormat="1" ht="15" customHeight="1" x14ac:dyDescent="0.15">
      <c r="A24" s="615"/>
      <c r="B24" s="680"/>
      <c r="C24" s="456" t="s">
        <v>0</v>
      </c>
      <c r="D24" s="455" t="s">
        <v>242</v>
      </c>
      <c r="E24" s="450">
        <v>83.7</v>
      </c>
      <c r="F24" s="451">
        <v>-3.1</v>
      </c>
      <c r="G24" s="450">
        <v>91</v>
      </c>
      <c r="H24" s="450">
        <v>-5.2</v>
      </c>
      <c r="I24" s="450">
        <v>85.6</v>
      </c>
      <c r="J24" s="450">
        <v>1.8</v>
      </c>
      <c r="K24" s="450">
        <v>76.2</v>
      </c>
      <c r="L24" s="450">
        <v>-4.4000000000000004</v>
      </c>
      <c r="M24" s="450">
        <v>86.2</v>
      </c>
      <c r="N24" s="450">
        <v>-0.7</v>
      </c>
      <c r="O24" s="450">
        <v>87</v>
      </c>
      <c r="P24" s="450">
        <v>1.5</v>
      </c>
      <c r="Q24" s="450">
        <v>85.3</v>
      </c>
      <c r="R24" s="450">
        <v>2</v>
      </c>
      <c r="S24" s="450">
        <v>67.900000000000006</v>
      </c>
      <c r="T24" s="450">
        <v>-8.1</v>
      </c>
      <c r="U24" s="450">
        <v>100.8</v>
      </c>
      <c r="V24" s="450">
        <v>-41.6</v>
      </c>
      <c r="W24" s="450">
        <v>76.3</v>
      </c>
      <c r="X24" s="450">
        <v>-8.6999999999999993</v>
      </c>
      <c r="Y24" s="450">
        <v>132.30000000000001</v>
      </c>
      <c r="Z24" s="450">
        <v>11.6</v>
      </c>
      <c r="AA24" s="450">
        <v>95.9</v>
      </c>
      <c r="AB24" s="450">
        <v>-1.9</v>
      </c>
      <c r="AC24" s="450">
        <v>72.400000000000006</v>
      </c>
      <c r="AD24" s="450">
        <v>3.1</v>
      </c>
      <c r="AE24" s="450">
        <v>84.7</v>
      </c>
      <c r="AF24" s="450">
        <v>-4.9000000000000004</v>
      </c>
      <c r="AG24" s="450">
        <v>75.7</v>
      </c>
      <c r="AH24" s="450">
        <v>-3.7</v>
      </c>
      <c r="AI24" s="450">
        <v>79.900000000000006</v>
      </c>
      <c r="AJ24" s="450">
        <v>-7.9</v>
      </c>
      <c r="AK24" s="474"/>
      <c r="AL24" s="475"/>
    </row>
    <row r="25" spans="1:38" s="454" customFormat="1" ht="15" customHeight="1" x14ac:dyDescent="0.15">
      <c r="A25" s="615"/>
      <c r="B25" s="680"/>
      <c r="C25" s="456" t="s">
        <v>0</v>
      </c>
      <c r="D25" s="455" t="s">
        <v>243</v>
      </c>
      <c r="E25" s="452">
        <v>83.1</v>
      </c>
      <c r="F25" s="453">
        <v>1.3</v>
      </c>
      <c r="G25" s="452">
        <v>95.3</v>
      </c>
      <c r="H25" s="452">
        <v>-0.1</v>
      </c>
      <c r="I25" s="452">
        <v>83.5</v>
      </c>
      <c r="J25" s="452">
        <v>6.4</v>
      </c>
      <c r="K25" s="452">
        <v>74.599999999999994</v>
      </c>
      <c r="L25" s="452">
        <v>-2.7</v>
      </c>
      <c r="M25" s="452">
        <v>85.5</v>
      </c>
      <c r="N25" s="452">
        <v>-0.2</v>
      </c>
      <c r="O25" s="452">
        <v>77</v>
      </c>
      <c r="P25" s="452">
        <v>3.1</v>
      </c>
      <c r="Q25" s="452">
        <v>94.9</v>
      </c>
      <c r="R25" s="452">
        <v>12.4</v>
      </c>
      <c r="S25" s="452">
        <v>70.3</v>
      </c>
      <c r="T25" s="452">
        <v>-10.9</v>
      </c>
      <c r="U25" s="452">
        <v>95.4</v>
      </c>
      <c r="V25" s="452">
        <v>10.4</v>
      </c>
      <c r="W25" s="452">
        <v>74.3</v>
      </c>
      <c r="X25" s="452">
        <v>-4.7</v>
      </c>
      <c r="Y25" s="452">
        <v>134.4</v>
      </c>
      <c r="Z25" s="452">
        <v>12.3</v>
      </c>
      <c r="AA25" s="452">
        <v>94.2</v>
      </c>
      <c r="AB25" s="452">
        <v>-2.2000000000000002</v>
      </c>
      <c r="AC25" s="452">
        <v>67</v>
      </c>
      <c r="AD25" s="452">
        <v>-2</v>
      </c>
      <c r="AE25" s="452">
        <v>81.900000000000006</v>
      </c>
      <c r="AF25" s="452">
        <v>-5.5</v>
      </c>
      <c r="AG25" s="452">
        <v>80.599999999999994</v>
      </c>
      <c r="AH25" s="452">
        <v>6.9</v>
      </c>
      <c r="AI25" s="452">
        <v>78.599999999999994</v>
      </c>
      <c r="AJ25" s="452">
        <v>-4</v>
      </c>
      <c r="AK25" s="476"/>
      <c r="AL25" s="477"/>
    </row>
    <row r="26" spans="1:38" s="424" customFormat="1" ht="13.5" customHeight="1" x14ac:dyDescent="0.15">
      <c r="A26" s="615"/>
      <c r="B26" s="680"/>
      <c r="C26" s="448"/>
      <c r="D26" s="455"/>
      <c r="E26" s="452"/>
      <c r="F26" s="453"/>
      <c r="G26" s="452"/>
      <c r="H26" s="452"/>
      <c r="I26" s="452"/>
      <c r="J26" s="452"/>
      <c r="K26" s="452"/>
      <c r="L26" s="452"/>
      <c r="M26" s="452"/>
      <c r="N26" s="452"/>
      <c r="O26" s="452"/>
      <c r="P26" s="452"/>
      <c r="Q26" s="452"/>
      <c r="R26" s="452"/>
      <c r="S26" s="452"/>
      <c r="T26" s="452"/>
      <c r="U26" s="452"/>
      <c r="V26" s="452"/>
      <c r="W26" s="452"/>
      <c r="X26" s="452"/>
      <c r="Y26" s="452"/>
      <c r="Z26" s="452"/>
      <c r="AA26" s="452"/>
      <c r="AB26" s="452"/>
      <c r="AC26" s="452"/>
      <c r="AD26" s="452"/>
      <c r="AE26" s="452"/>
      <c r="AF26" s="452"/>
      <c r="AG26" s="452"/>
      <c r="AH26" s="452"/>
      <c r="AI26" s="452"/>
      <c r="AJ26" s="452"/>
      <c r="AK26" s="422"/>
    </row>
    <row r="27" spans="1:38" s="424" customFormat="1" ht="13.5" customHeight="1" x14ac:dyDescent="0.15">
      <c r="A27" s="615"/>
      <c r="B27" s="680"/>
      <c r="C27" s="448" t="s">
        <v>238</v>
      </c>
      <c r="D27" s="455" t="s">
        <v>231</v>
      </c>
      <c r="E27" s="450">
        <v>137.1</v>
      </c>
      <c r="F27" s="451">
        <v>1.6</v>
      </c>
      <c r="G27" s="450">
        <v>134.80000000000001</v>
      </c>
      <c r="H27" s="450">
        <v>-21.5</v>
      </c>
      <c r="I27" s="450">
        <v>151.80000000000001</v>
      </c>
      <c r="J27" s="450">
        <v>5.5</v>
      </c>
      <c r="K27" s="450">
        <v>152.5</v>
      </c>
      <c r="L27" s="450">
        <v>-20.6</v>
      </c>
      <c r="M27" s="450">
        <v>217.4</v>
      </c>
      <c r="N27" s="450">
        <v>-5.8</v>
      </c>
      <c r="O27" s="450">
        <v>121.6</v>
      </c>
      <c r="P27" s="450">
        <v>-1.3</v>
      </c>
      <c r="Q27" s="450">
        <v>113</v>
      </c>
      <c r="R27" s="450">
        <v>8.8000000000000007</v>
      </c>
      <c r="S27" s="450">
        <v>168.1</v>
      </c>
      <c r="T27" s="450">
        <v>-9.1999999999999993</v>
      </c>
      <c r="U27" s="450">
        <v>203.2</v>
      </c>
      <c r="V27" s="450">
        <v>43.4</v>
      </c>
      <c r="W27" s="450">
        <v>169.8</v>
      </c>
      <c r="X27" s="450">
        <v>1.9</v>
      </c>
      <c r="Y27" s="450">
        <v>146.4</v>
      </c>
      <c r="Z27" s="450">
        <v>12.1</v>
      </c>
      <c r="AA27" s="450">
        <v>102.7</v>
      </c>
      <c r="AB27" s="450">
        <v>-18</v>
      </c>
      <c r="AC27" s="450">
        <v>147.69999999999999</v>
      </c>
      <c r="AD27" s="450">
        <v>26</v>
      </c>
      <c r="AE27" s="450">
        <v>120.3</v>
      </c>
      <c r="AF27" s="450">
        <v>0.3</v>
      </c>
      <c r="AG27" s="450">
        <v>137.1</v>
      </c>
      <c r="AH27" s="450">
        <v>-4.7</v>
      </c>
      <c r="AI27" s="450">
        <v>130.5</v>
      </c>
      <c r="AJ27" s="450">
        <v>5.7</v>
      </c>
      <c r="AK27" s="422"/>
    </row>
    <row r="28" spans="1:38" s="424" customFormat="1" ht="11.25" customHeight="1" x14ac:dyDescent="0.15">
      <c r="A28" s="615"/>
      <c r="B28" s="681"/>
      <c r="C28" s="457"/>
      <c r="D28" s="458"/>
      <c r="E28" s="452"/>
      <c r="F28" s="453"/>
      <c r="G28" s="452"/>
      <c r="H28" s="452"/>
      <c r="I28" s="452"/>
      <c r="J28" s="452"/>
      <c r="K28" s="452"/>
      <c r="L28" s="452"/>
      <c r="M28" s="452"/>
      <c r="N28" s="452"/>
      <c r="O28" s="452"/>
      <c r="P28" s="452"/>
      <c r="Q28" s="452"/>
      <c r="R28" s="478"/>
      <c r="S28" s="452"/>
      <c r="T28" s="452"/>
      <c r="U28" s="452"/>
      <c r="V28" s="452"/>
      <c r="W28" s="452"/>
      <c r="X28" s="452"/>
      <c r="Y28" s="452"/>
      <c r="Z28" s="452"/>
      <c r="AA28" s="452"/>
      <c r="AB28" s="452"/>
      <c r="AC28" s="452"/>
      <c r="AD28" s="452"/>
      <c r="AE28" s="452"/>
      <c r="AF28" s="452"/>
      <c r="AG28" s="452"/>
      <c r="AH28" s="452"/>
      <c r="AI28" s="452"/>
      <c r="AJ28" s="452"/>
      <c r="AK28" s="422"/>
    </row>
    <row r="29" spans="1:38" s="424" customFormat="1" ht="11.25" customHeight="1" x14ac:dyDescent="0.15">
      <c r="A29" s="615"/>
      <c r="B29" s="459"/>
      <c r="C29" s="460"/>
      <c r="D29" s="461"/>
      <c r="E29" s="462"/>
      <c r="F29" s="463"/>
      <c r="G29" s="462"/>
      <c r="H29" s="462"/>
      <c r="I29" s="462"/>
      <c r="J29" s="462"/>
      <c r="K29" s="462"/>
      <c r="L29" s="462"/>
      <c r="M29" s="462"/>
      <c r="N29" s="462"/>
      <c r="O29" s="462"/>
      <c r="P29" s="462"/>
      <c r="Q29" s="462"/>
      <c r="R29" s="462"/>
      <c r="S29" s="462"/>
      <c r="T29" s="462"/>
      <c r="U29" s="462"/>
      <c r="V29" s="462"/>
      <c r="W29" s="462"/>
      <c r="X29" s="462"/>
      <c r="Y29" s="462"/>
      <c r="Z29" s="462"/>
      <c r="AA29" s="462"/>
      <c r="AB29" s="462"/>
      <c r="AC29" s="462"/>
      <c r="AD29" s="462"/>
      <c r="AE29" s="462"/>
      <c r="AF29" s="462"/>
      <c r="AG29" s="462"/>
      <c r="AH29" s="462"/>
      <c r="AI29" s="462"/>
      <c r="AJ29" s="462"/>
      <c r="AK29" s="422"/>
    </row>
    <row r="30" spans="1:38" s="424" customFormat="1" ht="13.5" customHeight="1" x14ac:dyDescent="0.15">
      <c r="A30" s="615"/>
      <c r="B30" s="472"/>
      <c r="C30" s="448" t="s">
        <v>226</v>
      </c>
      <c r="D30" s="449" t="s">
        <v>227</v>
      </c>
      <c r="E30" s="450">
        <v>103.4</v>
      </c>
      <c r="F30" s="451">
        <v>-1.4</v>
      </c>
      <c r="G30" s="450">
        <v>103.6</v>
      </c>
      <c r="H30" s="450">
        <v>19.2</v>
      </c>
      <c r="I30" s="450">
        <v>102.9</v>
      </c>
      <c r="J30" s="450">
        <v>-2.8</v>
      </c>
      <c r="K30" s="450">
        <v>102.4</v>
      </c>
      <c r="L30" s="450">
        <v>1.4</v>
      </c>
      <c r="M30" s="450">
        <v>105.3</v>
      </c>
      <c r="N30" s="450">
        <v>-15.6</v>
      </c>
      <c r="O30" s="450">
        <v>99</v>
      </c>
      <c r="P30" s="450">
        <v>8.1</v>
      </c>
      <c r="Q30" s="450">
        <v>104.2</v>
      </c>
      <c r="R30" s="450">
        <v>-0.5</v>
      </c>
      <c r="S30" s="450">
        <v>98.7</v>
      </c>
      <c r="T30" s="450">
        <v>-4.4000000000000004</v>
      </c>
      <c r="U30" s="450">
        <v>108.5</v>
      </c>
      <c r="V30" s="450">
        <v>2.4</v>
      </c>
      <c r="W30" s="450">
        <v>104.3</v>
      </c>
      <c r="X30" s="450">
        <v>-1.9</v>
      </c>
      <c r="Y30" s="450">
        <v>106.2</v>
      </c>
      <c r="Z30" s="450">
        <v>2.2000000000000002</v>
      </c>
      <c r="AA30" s="450">
        <v>112.2</v>
      </c>
      <c r="AB30" s="450">
        <v>1.6</v>
      </c>
      <c r="AC30" s="450">
        <v>94.6</v>
      </c>
      <c r="AD30" s="450">
        <v>-1.9</v>
      </c>
      <c r="AE30" s="450">
        <v>107.7</v>
      </c>
      <c r="AF30" s="450">
        <v>3.9</v>
      </c>
      <c r="AG30" s="450">
        <v>110</v>
      </c>
      <c r="AH30" s="450">
        <v>-13.3</v>
      </c>
      <c r="AI30" s="450">
        <v>103.1</v>
      </c>
      <c r="AJ30" s="450">
        <v>-6.2</v>
      </c>
      <c r="AK30" s="422"/>
    </row>
    <row r="31" spans="1:38" s="454" customFormat="1" ht="13.5" customHeight="1" x14ac:dyDescent="0.15">
      <c r="A31" s="615"/>
      <c r="B31" s="479"/>
      <c r="C31" s="448" t="s">
        <v>226</v>
      </c>
      <c r="D31" s="449" t="s">
        <v>228</v>
      </c>
      <c r="E31" s="452">
        <v>100</v>
      </c>
      <c r="F31" s="453">
        <v>-3.1</v>
      </c>
      <c r="G31" s="452">
        <v>100</v>
      </c>
      <c r="H31" s="452">
        <v>-3.4</v>
      </c>
      <c r="I31" s="452">
        <v>100</v>
      </c>
      <c r="J31" s="452">
        <v>-2.7</v>
      </c>
      <c r="K31" s="452">
        <v>100</v>
      </c>
      <c r="L31" s="452">
        <v>-2.4</v>
      </c>
      <c r="M31" s="452">
        <v>100</v>
      </c>
      <c r="N31" s="452">
        <v>-5.0999999999999996</v>
      </c>
      <c r="O31" s="452">
        <v>100</v>
      </c>
      <c r="P31" s="452">
        <v>1.1000000000000001</v>
      </c>
      <c r="Q31" s="452">
        <v>100</v>
      </c>
      <c r="R31" s="452">
        <v>-3.9</v>
      </c>
      <c r="S31" s="452">
        <v>100</v>
      </c>
      <c r="T31" s="452">
        <v>1.3</v>
      </c>
      <c r="U31" s="452">
        <v>100</v>
      </c>
      <c r="V31" s="452">
        <v>-7.6</v>
      </c>
      <c r="W31" s="452">
        <v>100</v>
      </c>
      <c r="X31" s="452">
        <v>-4</v>
      </c>
      <c r="Y31" s="452">
        <v>100</v>
      </c>
      <c r="Z31" s="452">
        <v>-5.8</v>
      </c>
      <c r="AA31" s="452">
        <v>100</v>
      </c>
      <c r="AB31" s="452">
        <v>-10.7</v>
      </c>
      <c r="AC31" s="452">
        <v>100</v>
      </c>
      <c r="AD31" s="452">
        <v>5.9</v>
      </c>
      <c r="AE31" s="452">
        <v>100</v>
      </c>
      <c r="AF31" s="452">
        <v>-7</v>
      </c>
      <c r="AG31" s="452">
        <v>100</v>
      </c>
      <c r="AH31" s="452">
        <v>-9.1</v>
      </c>
      <c r="AI31" s="452">
        <v>100</v>
      </c>
      <c r="AJ31" s="452">
        <v>-3</v>
      </c>
      <c r="AK31" s="196"/>
    </row>
    <row r="32" spans="1:38" s="424" customFormat="1" ht="13.5" customHeight="1" x14ac:dyDescent="0.15">
      <c r="A32" s="615"/>
      <c r="B32" s="472"/>
      <c r="C32" s="448" t="s">
        <v>226</v>
      </c>
      <c r="D32" s="449" t="s">
        <v>229</v>
      </c>
      <c r="E32" s="450">
        <v>99.6</v>
      </c>
      <c r="F32" s="480">
        <v>-0.4</v>
      </c>
      <c r="G32" s="481">
        <v>99.4</v>
      </c>
      <c r="H32" s="481">
        <v>-0.6</v>
      </c>
      <c r="I32" s="481">
        <v>104.7</v>
      </c>
      <c r="J32" s="481">
        <v>4.7</v>
      </c>
      <c r="K32" s="481">
        <v>95.1</v>
      </c>
      <c r="L32" s="482">
        <v>-4.9000000000000004</v>
      </c>
      <c r="M32" s="482">
        <v>108.4</v>
      </c>
      <c r="N32" s="482">
        <v>8.4</v>
      </c>
      <c r="O32" s="482">
        <v>87.8</v>
      </c>
      <c r="P32" s="482">
        <v>-12.2</v>
      </c>
      <c r="Q32" s="482">
        <v>97.1</v>
      </c>
      <c r="R32" s="482">
        <v>-2.9</v>
      </c>
      <c r="S32" s="482">
        <v>98.2</v>
      </c>
      <c r="T32" s="482">
        <v>-1.8</v>
      </c>
      <c r="U32" s="482">
        <v>115.2</v>
      </c>
      <c r="V32" s="482">
        <v>15.2</v>
      </c>
      <c r="W32" s="482">
        <v>102.9</v>
      </c>
      <c r="X32" s="482">
        <v>2.9</v>
      </c>
      <c r="Y32" s="482">
        <v>113.9</v>
      </c>
      <c r="Z32" s="482">
        <v>13.9</v>
      </c>
      <c r="AA32" s="482">
        <v>103.8</v>
      </c>
      <c r="AB32" s="482">
        <v>3.8</v>
      </c>
      <c r="AC32" s="482">
        <v>101.9</v>
      </c>
      <c r="AD32" s="482">
        <v>1.9</v>
      </c>
      <c r="AE32" s="482">
        <v>93.8</v>
      </c>
      <c r="AF32" s="482">
        <v>-6.2</v>
      </c>
      <c r="AG32" s="482">
        <v>99.2</v>
      </c>
      <c r="AH32" s="482">
        <v>-0.8</v>
      </c>
      <c r="AI32" s="482">
        <v>97</v>
      </c>
      <c r="AJ32" s="482">
        <v>-3</v>
      </c>
      <c r="AK32" s="422"/>
    </row>
    <row r="33" spans="1:38" s="454" customFormat="1" ht="13.5" customHeight="1" x14ac:dyDescent="0.15">
      <c r="A33" s="615"/>
      <c r="B33" s="479"/>
      <c r="C33" s="448" t="s">
        <v>226</v>
      </c>
      <c r="D33" s="449" t="s">
        <v>230</v>
      </c>
      <c r="E33" s="452">
        <v>95.9</v>
      </c>
      <c r="F33" s="453">
        <v>-3.7</v>
      </c>
      <c r="G33" s="452">
        <v>104.1</v>
      </c>
      <c r="H33" s="452">
        <v>4.7</v>
      </c>
      <c r="I33" s="452">
        <v>96.4</v>
      </c>
      <c r="J33" s="452">
        <v>-7.9</v>
      </c>
      <c r="K33" s="452">
        <v>93.8</v>
      </c>
      <c r="L33" s="452">
        <v>-1.4</v>
      </c>
      <c r="M33" s="452">
        <v>113.6</v>
      </c>
      <c r="N33" s="452">
        <v>4.8</v>
      </c>
      <c r="O33" s="452">
        <v>81.400000000000006</v>
      </c>
      <c r="P33" s="452">
        <v>-7.3</v>
      </c>
      <c r="Q33" s="452">
        <v>96.5</v>
      </c>
      <c r="R33" s="452">
        <v>-0.6</v>
      </c>
      <c r="S33" s="452">
        <v>93.7</v>
      </c>
      <c r="T33" s="452">
        <v>-4.5999999999999996</v>
      </c>
      <c r="U33" s="452">
        <v>129.30000000000001</v>
      </c>
      <c r="V33" s="452">
        <v>12.2</v>
      </c>
      <c r="W33" s="452">
        <v>105.3</v>
      </c>
      <c r="X33" s="452">
        <v>2.2999999999999998</v>
      </c>
      <c r="Y33" s="452">
        <v>130</v>
      </c>
      <c r="Z33" s="452">
        <v>14.1</v>
      </c>
      <c r="AA33" s="452">
        <v>97.4</v>
      </c>
      <c r="AB33" s="452">
        <v>-6.2</v>
      </c>
      <c r="AC33" s="452">
        <v>80.599999999999994</v>
      </c>
      <c r="AD33" s="452">
        <v>-20.9</v>
      </c>
      <c r="AE33" s="452">
        <v>101.1</v>
      </c>
      <c r="AF33" s="452">
        <v>7.8</v>
      </c>
      <c r="AG33" s="466">
        <v>92.5</v>
      </c>
      <c r="AH33" s="452">
        <v>-6.8</v>
      </c>
      <c r="AI33" s="452">
        <v>89.8</v>
      </c>
      <c r="AJ33" s="452">
        <v>-7.4</v>
      </c>
      <c r="AK33" s="196"/>
    </row>
    <row r="34" spans="1:38" s="424" customFormat="1" ht="13.5" customHeight="1" x14ac:dyDescent="0.15">
      <c r="A34" s="615"/>
      <c r="B34" s="472"/>
      <c r="C34" s="448"/>
      <c r="D34" s="449"/>
      <c r="E34" s="452"/>
      <c r="F34" s="453"/>
      <c r="G34" s="452"/>
      <c r="H34" s="452"/>
      <c r="I34" s="452"/>
      <c r="J34" s="452"/>
      <c r="K34" s="452"/>
      <c r="L34" s="452"/>
      <c r="M34" s="452"/>
      <c r="N34" s="452"/>
      <c r="O34" s="452"/>
      <c r="P34" s="452"/>
      <c r="Q34" s="452"/>
      <c r="R34" s="452"/>
      <c r="S34" s="452"/>
      <c r="T34" s="452"/>
      <c r="U34" s="452"/>
      <c r="V34" s="452"/>
      <c r="W34" s="452"/>
      <c r="X34" s="452"/>
      <c r="Y34" s="452"/>
      <c r="Z34" s="452"/>
      <c r="AA34" s="452"/>
      <c r="AB34" s="452"/>
      <c r="AC34" s="452"/>
      <c r="AD34" s="452"/>
      <c r="AE34" s="452"/>
      <c r="AF34" s="452"/>
      <c r="AG34" s="466"/>
      <c r="AH34" s="466"/>
      <c r="AI34" s="452"/>
      <c r="AJ34" s="452"/>
      <c r="AK34" s="422"/>
    </row>
    <row r="35" spans="1:38" s="424" customFormat="1" ht="15" customHeight="1" x14ac:dyDescent="0.15">
      <c r="A35" s="615"/>
      <c r="B35" s="682" t="s">
        <v>47</v>
      </c>
      <c r="C35" s="448" t="s">
        <v>207</v>
      </c>
      <c r="D35" s="455" t="s">
        <v>231</v>
      </c>
      <c r="E35" s="450">
        <v>140.69999999999999</v>
      </c>
      <c r="F35" s="451">
        <v>-4.5</v>
      </c>
      <c r="G35" s="450">
        <v>155.9</v>
      </c>
      <c r="H35" s="450">
        <v>13.9</v>
      </c>
      <c r="I35" s="450">
        <v>145.4</v>
      </c>
      <c r="J35" s="450">
        <v>-15.4</v>
      </c>
      <c r="K35" s="450">
        <v>183</v>
      </c>
      <c r="L35" s="450">
        <v>-11.9</v>
      </c>
      <c r="M35" s="450">
        <v>234.2</v>
      </c>
      <c r="N35" s="450">
        <v>5.0999999999999996</v>
      </c>
      <c r="O35" s="450">
        <v>115.7</v>
      </c>
      <c r="P35" s="450">
        <v>0.1</v>
      </c>
      <c r="Q35" s="450">
        <v>116.1</v>
      </c>
      <c r="R35" s="450">
        <v>0.4</v>
      </c>
      <c r="S35" s="450">
        <v>188.1</v>
      </c>
      <c r="T35" s="450">
        <v>0.3</v>
      </c>
      <c r="U35" s="450">
        <v>177.2</v>
      </c>
      <c r="V35" s="450">
        <v>1.1000000000000001</v>
      </c>
      <c r="W35" s="450">
        <v>174.9</v>
      </c>
      <c r="X35" s="450">
        <v>20.5</v>
      </c>
      <c r="Y35" s="450">
        <v>147.1</v>
      </c>
      <c r="Z35" s="450">
        <v>30.5</v>
      </c>
      <c r="AA35" s="450">
        <v>114.7</v>
      </c>
      <c r="AB35" s="450">
        <v>-33.200000000000003</v>
      </c>
      <c r="AC35" s="450">
        <v>118.1</v>
      </c>
      <c r="AD35" s="450">
        <v>-16</v>
      </c>
      <c r="AE35" s="450">
        <v>130.9</v>
      </c>
      <c r="AF35" s="450">
        <v>1.4</v>
      </c>
      <c r="AG35" s="465">
        <v>154.6</v>
      </c>
      <c r="AH35" s="450">
        <v>-16.5</v>
      </c>
      <c r="AI35" s="450">
        <v>121.2</v>
      </c>
      <c r="AJ35" s="450">
        <v>-10.3</v>
      </c>
      <c r="AK35" s="422"/>
    </row>
    <row r="36" spans="1:38" s="454" customFormat="1" ht="15" customHeight="1" x14ac:dyDescent="0.15">
      <c r="A36" s="615"/>
      <c r="B36" s="682"/>
      <c r="C36" s="456" t="s">
        <v>0</v>
      </c>
      <c r="D36" s="455" t="s">
        <v>232</v>
      </c>
      <c r="E36" s="452">
        <v>116.6</v>
      </c>
      <c r="F36" s="453">
        <v>2.2000000000000002</v>
      </c>
      <c r="G36" s="452">
        <v>122.4</v>
      </c>
      <c r="H36" s="452">
        <v>-1.7</v>
      </c>
      <c r="I36" s="452">
        <v>129.69999999999999</v>
      </c>
      <c r="J36" s="452">
        <v>0.3</v>
      </c>
      <c r="K36" s="452">
        <v>74.7</v>
      </c>
      <c r="L36" s="452">
        <v>2.9</v>
      </c>
      <c r="M36" s="452">
        <v>111.5</v>
      </c>
      <c r="N36" s="452">
        <v>5.7</v>
      </c>
      <c r="O36" s="452">
        <v>92</v>
      </c>
      <c r="P36" s="452">
        <v>-7.9</v>
      </c>
      <c r="Q36" s="452">
        <v>130.5</v>
      </c>
      <c r="R36" s="452">
        <v>4.3</v>
      </c>
      <c r="S36" s="452">
        <v>88.7</v>
      </c>
      <c r="T36" s="452">
        <v>-2</v>
      </c>
      <c r="U36" s="452">
        <v>164.7</v>
      </c>
      <c r="V36" s="452">
        <v>11.8</v>
      </c>
      <c r="W36" s="452">
        <v>150.69999999999999</v>
      </c>
      <c r="X36" s="452">
        <v>5.2</v>
      </c>
      <c r="Y36" s="452">
        <v>132.4</v>
      </c>
      <c r="Z36" s="452">
        <v>-1</v>
      </c>
      <c r="AA36" s="452">
        <v>94.4</v>
      </c>
      <c r="AB36" s="452">
        <v>2.6</v>
      </c>
      <c r="AC36" s="452">
        <v>74.8</v>
      </c>
      <c r="AD36" s="452">
        <v>-23.4</v>
      </c>
      <c r="AE36" s="452">
        <v>127.2</v>
      </c>
      <c r="AF36" s="452">
        <v>21.7</v>
      </c>
      <c r="AG36" s="466">
        <v>101</v>
      </c>
      <c r="AH36" s="466">
        <v>7.2</v>
      </c>
      <c r="AI36" s="452">
        <v>98.2</v>
      </c>
      <c r="AJ36" s="452">
        <v>6.7</v>
      </c>
      <c r="AK36" s="196"/>
    </row>
    <row r="37" spans="1:38" s="424" customFormat="1" ht="15" customHeight="1" x14ac:dyDescent="0.15">
      <c r="A37" s="615"/>
      <c r="B37" s="682"/>
      <c r="C37" s="456" t="s">
        <v>0</v>
      </c>
      <c r="D37" s="455" t="s">
        <v>233</v>
      </c>
      <c r="E37" s="450">
        <v>79.099999999999994</v>
      </c>
      <c r="F37" s="451">
        <v>-5.2</v>
      </c>
      <c r="G37" s="450">
        <v>96.8</v>
      </c>
      <c r="H37" s="450">
        <v>12.8</v>
      </c>
      <c r="I37" s="450">
        <v>73.599999999999994</v>
      </c>
      <c r="J37" s="450">
        <v>-8.5</v>
      </c>
      <c r="K37" s="450">
        <v>73.400000000000006</v>
      </c>
      <c r="L37" s="450">
        <v>2.8</v>
      </c>
      <c r="M37" s="450">
        <v>80.3</v>
      </c>
      <c r="N37" s="450">
        <v>-3.9</v>
      </c>
      <c r="O37" s="450">
        <v>63.9</v>
      </c>
      <c r="P37" s="450">
        <v>-11.3</v>
      </c>
      <c r="Q37" s="450">
        <v>83.5</v>
      </c>
      <c r="R37" s="450">
        <v>-4.9000000000000004</v>
      </c>
      <c r="S37" s="450">
        <v>70</v>
      </c>
      <c r="T37" s="450">
        <v>-11.8</v>
      </c>
      <c r="U37" s="450">
        <v>99.6</v>
      </c>
      <c r="V37" s="450">
        <v>5</v>
      </c>
      <c r="W37" s="450">
        <v>83.6</v>
      </c>
      <c r="X37" s="450">
        <v>1.1000000000000001</v>
      </c>
      <c r="Y37" s="450">
        <v>128</v>
      </c>
      <c r="Z37" s="450">
        <v>20.3</v>
      </c>
      <c r="AA37" s="450">
        <v>101.5</v>
      </c>
      <c r="AB37" s="450">
        <v>2.9</v>
      </c>
      <c r="AC37" s="450">
        <v>65.7</v>
      </c>
      <c r="AD37" s="450">
        <v>-33.200000000000003</v>
      </c>
      <c r="AE37" s="450">
        <v>89.9</v>
      </c>
      <c r="AF37" s="450">
        <v>15.6</v>
      </c>
      <c r="AG37" s="465">
        <v>70.900000000000006</v>
      </c>
      <c r="AH37" s="465">
        <v>4.7</v>
      </c>
      <c r="AI37" s="450">
        <v>77.8</v>
      </c>
      <c r="AJ37" s="450">
        <v>-8</v>
      </c>
      <c r="AK37" s="422"/>
    </row>
    <row r="38" spans="1:38" s="454" customFormat="1" ht="15" customHeight="1" x14ac:dyDescent="0.15">
      <c r="A38" s="615"/>
      <c r="B38" s="682"/>
      <c r="C38" s="456" t="s">
        <v>0</v>
      </c>
      <c r="D38" s="455" t="s">
        <v>234</v>
      </c>
      <c r="E38" s="452">
        <v>78.2</v>
      </c>
      <c r="F38" s="453">
        <v>-3.8</v>
      </c>
      <c r="G38" s="452">
        <v>81.400000000000006</v>
      </c>
      <c r="H38" s="452">
        <v>-6.9</v>
      </c>
      <c r="I38" s="452">
        <v>76</v>
      </c>
      <c r="J38" s="452">
        <v>-9.6</v>
      </c>
      <c r="K38" s="452">
        <v>73.7</v>
      </c>
      <c r="L38" s="452">
        <v>2.4</v>
      </c>
      <c r="M38" s="452">
        <v>82.2</v>
      </c>
      <c r="N38" s="452">
        <v>2.5</v>
      </c>
      <c r="O38" s="452">
        <v>68</v>
      </c>
      <c r="P38" s="452">
        <v>-9</v>
      </c>
      <c r="Q38" s="452">
        <v>80.599999999999994</v>
      </c>
      <c r="R38" s="452">
        <v>5.0999999999999996</v>
      </c>
      <c r="S38" s="452">
        <v>72.599999999999994</v>
      </c>
      <c r="T38" s="452">
        <v>-1.6</v>
      </c>
      <c r="U38" s="452">
        <v>98.4</v>
      </c>
      <c r="V38" s="452">
        <v>5.8</v>
      </c>
      <c r="W38" s="452">
        <v>77</v>
      </c>
      <c r="X38" s="452">
        <v>-3.1</v>
      </c>
      <c r="Y38" s="452">
        <v>121.8</v>
      </c>
      <c r="Z38" s="452">
        <v>14.9</v>
      </c>
      <c r="AA38" s="452">
        <v>89.1</v>
      </c>
      <c r="AB38" s="452">
        <v>-1.8</v>
      </c>
      <c r="AC38" s="452">
        <v>67.5</v>
      </c>
      <c r="AD38" s="452">
        <v>-16.600000000000001</v>
      </c>
      <c r="AE38" s="452">
        <v>86.9</v>
      </c>
      <c r="AF38" s="452">
        <v>9.4</v>
      </c>
      <c r="AG38" s="466">
        <v>73.099999999999994</v>
      </c>
      <c r="AH38" s="466">
        <v>1.2</v>
      </c>
      <c r="AI38" s="452">
        <v>80</v>
      </c>
      <c r="AJ38" s="452">
        <v>-5.9</v>
      </c>
      <c r="AK38" s="196"/>
    </row>
    <row r="39" spans="1:38" s="424" customFormat="1" ht="15" customHeight="1" x14ac:dyDescent="0.15">
      <c r="A39" s="615"/>
      <c r="B39" s="682"/>
      <c r="C39" s="456" t="s">
        <v>0</v>
      </c>
      <c r="D39" s="455" t="s">
        <v>235</v>
      </c>
      <c r="E39" s="450">
        <v>77.599999999999994</v>
      </c>
      <c r="F39" s="451">
        <v>-5.9</v>
      </c>
      <c r="G39" s="450">
        <v>80.7</v>
      </c>
      <c r="H39" s="450">
        <v>-4.7</v>
      </c>
      <c r="I39" s="450">
        <v>76</v>
      </c>
      <c r="J39" s="450">
        <v>-9.1999999999999993</v>
      </c>
      <c r="K39" s="450">
        <v>79.099999999999994</v>
      </c>
      <c r="L39" s="450">
        <v>1.5</v>
      </c>
      <c r="M39" s="450">
        <v>82.3</v>
      </c>
      <c r="N39" s="450">
        <v>1.6</v>
      </c>
      <c r="O39" s="450">
        <v>72</v>
      </c>
      <c r="P39" s="450">
        <v>-11.2</v>
      </c>
      <c r="Q39" s="450">
        <v>82</v>
      </c>
      <c r="R39" s="450">
        <v>1.2</v>
      </c>
      <c r="S39" s="450">
        <v>74</v>
      </c>
      <c r="T39" s="450">
        <v>-3.9</v>
      </c>
      <c r="U39" s="450">
        <v>98</v>
      </c>
      <c r="V39" s="450">
        <v>7.8</v>
      </c>
      <c r="W39" s="450">
        <v>75.599999999999994</v>
      </c>
      <c r="X39" s="450">
        <v>-5.5</v>
      </c>
      <c r="Y39" s="450">
        <v>103.6</v>
      </c>
      <c r="Z39" s="450">
        <v>-5.5</v>
      </c>
      <c r="AA39" s="450">
        <v>85.8</v>
      </c>
      <c r="AB39" s="450">
        <v>-7.1</v>
      </c>
      <c r="AC39" s="450">
        <v>68</v>
      </c>
      <c r="AD39" s="450">
        <v>-18.2</v>
      </c>
      <c r="AE39" s="450">
        <v>83.4</v>
      </c>
      <c r="AF39" s="450">
        <v>5.4</v>
      </c>
      <c r="AG39" s="465">
        <v>78.599999999999994</v>
      </c>
      <c r="AH39" s="465">
        <v>-10.199999999999999</v>
      </c>
      <c r="AI39" s="450">
        <v>78.8</v>
      </c>
      <c r="AJ39" s="450">
        <v>-9</v>
      </c>
      <c r="AK39" s="422"/>
    </row>
    <row r="40" spans="1:38" s="454" customFormat="1" ht="15" customHeight="1" x14ac:dyDescent="0.15">
      <c r="A40" s="615"/>
      <c r="B40" s="23">
        <v>30</v>
      </c>
      <c r="C40" s="456" t="s">
        <v>0</v>
      </c>
      <c r="D40" s="455" t="s">
        <v>236</v>
      </c>
      <c r="E40" s="452">
        <v>81.099999999999994</v>
      </c>
      <c r="F40" s="453">
        <v>-8.6999999999999993</v>
      </c>
      <c r="G40" s="452">
        <v>102.2</v>
      </c>
      <c r="H40" s="452">
        <v>17.5</v>
      </c>
      <c r="I40" s="452">
        <v>82.1</v>
      </c>
      <c r="J40" s="452">
        <v>-11.3</v>
      </c>
      <c r="K40" s="452">
        <v>74.3</v>
      </c>
      <c r="L40" s="452">
        <v>1.6</v>
      </c>
      <c r="M40" s="452">
        <v>86.5</v>
      </c>
      <c r="N40" s="452">
        <v>3</v>
      </c>
      <c r="O40" s="452">
        <v>69.599999999999994</v>
      </c>
      <c r="P40" s="452">
        <v>-8.9</v>
      </c>
      <c r="Q40" s="452">
        <v>81.599999999999994</v>
      </c>
      <c r="R40" s="452">
        <v>2.4</v>
      </c>
      <c r="S40" s="452">
        <v>69.7</v>
      </c>
      <c r="T40" s="452">
        <v>-16.3</v>
      </c>
      <c r="U40" s="452">
        <v>104.1</v>
      </c>
      <c r="V40" s="452">
        <v>7.8</v>
      </c>
      <c r="W40" s="452">
        <v>83.7</v>
      </c>
      <c r="X40" s="452">
        <v>0.2</v>
      </c>
      <c r="Y40" s="452">
        <v>100.8</v>
      </c>
      <c r="Z40" s="452">
        <v>-9.4</v>
      </c>
      <c r="AA40" s="452">
        <v>107.7</v>
      </c>
      <c r="AB40" s="452">
        <v>15.9</v>
      </c>
      <c r="AC40" s="452">
        <v>66.599999999999994</v>
      </c>
      <c r="AD40" s="452">
        <v>-34.799999999999997</v>
      </c>
      <c r="AE40" s="452">
        <v>86.3</v>
      </c>
      <c r="AF40" s="452">
        <v>0.5</v>
      </c>
      <c r="AG40" s="466">
        <v>75</v>
      </c>
      <c r="AH40" s="466">
        <v>-3.6</v>
      </c>
      <c r="AI40" s="452">
        <v>79</v>
      </c>
      <c r="AJ40" s="452">
        <v>-20.100000000000001</v>
      </c>
      <c r="AK40" s="196"/>
    </row>
    <row r="41" spans="1:38" s="424" customFormat="1" ht="15" customHeight="1" x14ac:dyDescent="0.15">
      <c r="A41" s="615"/>
      <c r="B41" s="683" t="s">
        <v>208</v>
      </c>
      <c r="C41" s="456" t="s">
        <v>0</v>
      </c>
      <c r="D41" s="455" t="s">
        <v>237</v>
      </c>
      <c r="E41" s="450">
        <v>174.5</v>
      </c>
      <c r="F41" s="451">
        <v>-0.9</v>
      </c>
      <c r="G41" s="450">
        <v>176.3</v>
      </c>
      <c r="H41" s="450">
        <v>-0.7</v>
      </c>
      <c r="I41" s="450">
        <v>183.3</v>
      </c>
      <c r="J41" s="450">
        <v>-9.6999999999999993</v>
      </c>
      <c r="K41" s="450">
        <v>181.6</v>
      </c>
      <c r="L41" s="450">
        <v>-10.6</v>
      </c>
      <c r="M41" s="450">
        <v>254.3</v>
      </c>
      <c r="N41" s="450">
        <v>14.9</v>
      </c>
      <c r="O41" s="450">
        <v>136.4</v>
      </c>
      <c r="P41" s="450">
        <v>-9.6999999999999993</v>
      </c>
      <c r="Q41" s="450">
        <v>175.3</v>
      </c>
      <c r="R41" s="450">
        <v>11.8</v>
      </c>
      <c r="S41" s="450">
        <v>205.1</v>
      </c>
      <c r="T41" s="450">
        <v>4.2</v>
      </c>
      <c r="U41" s="450">
        <v>235.5</v>
      </c>
      <c r="V41" s="450">
        <v>50.5</v>
      </c>
      <c r="W41" s="450">
        <v>211.6</v>
      </c>
      <c r="X41" s="450">
        <v>0.6</v>
      </c>
      <c r="Y41" s="450">
        <v>191</v>
      </c>
      <c r="Z41" s="450">
        <v>19.8</v>
      </c>
      <c r="AA41" s="450">
        <v>116.5</v>
      </c>
      <c r="AB41" s="450">
        <v>9.4</v>
      </c>
      <c r="AC41" s="450">
        <v>163.1</v>
      </c>
      <c r="AD41" s="450">
        <v>-2.2000000000000002</v>
      </c>
      <c r="AE41" s="450">
        <v>164.9</v>
      </c>
      <c r="AF41" s="450">
        <v>8.1</v>
      </c>
      <c r="AG41" s="465">
        <v>173.3</v>
      </c>
      <c r="AH41" s="465">
        <v>-11.2</v>
      </c>
      <c r="AI41" s="450">
        <v>139.5</v>
      </c>
      <c r="AJ41" s="450">
        <v>-10.6</v>
      </c>
      <c r="AK41" s="422"/>
    </row>
    <row r="42" spans="1:38" s="454" customFormat="1" ht="15" customHeight="1" x14ac:dyDescent="0.15">
      <c r="A42" s="615"/>
      <c r="B42" s="683"/>
      <c r="C42" s="456" t="s">
        <v>238</v>
      </c>
      <c r="D42" s="455" t="s">
        <v>239</v>
      </c>
      <c r="E42" s="452">
        <v>80.900000000000006</v>
      </c>
      <c r="F42" s="453">
        <v>-0.2</v>
      </c>
      <c r="G42" s="452">
        <v>71.8</v>
      </c>
      <c r="H42" s="452">
        <v>-26.2</v>
      </c>
      <c r="I42" s="452">
        <v>84.5</v>
      </c>
      <c r="J42" s="452">
        <v>7.6</v>
      </c>
      <c r="K42" s="452">
        <v>73.099999999999994</v>
      </c>
      <c r="L42" s="452">
        <v>-4.9000000000000004</v>
      </c>
      <c r="M42" s="452">
        <v>80.8</v>
      </c>
      <c r="N42" s="452">
        <v>-3</v>
      </c>
      <c r="O42" s="452">
        <v>70</v>
      </c>
      <c r="P42" s="452">
        <v>-2.6</v>
      </c>
      <c r="Q42" s="452">
        <v>88</v>
      </c>
      <c r="R42" s="452">
        <v>12.2</v>
      </c>
      <c r="S42" s="452">
        <v>65.400000000000006</v>
      </c>
      <c r="T42" s="452">
        <v>-7.2</v>
      </c>
      <c r="U42" s="452">
        <v>146.30000000000001</v>
      </c>
      <c r="V42" s="452">
        <v>-9</v>
      </c>
      <c r="W42" s="452">
        <v>74.3</v>
      </c>
      <c r="X42" s="452">
        <v>-11.3</v>
      </c>
      <c r="Y42" s="452">
        <v>163.80000000000001</v>
      </c>
      <c r="Z42" s="452">
        <v>27.8</v>
      </c>
      <c r="AA42" s="452">
        <v>95.5</v>
      </c>
      <c r="AB42" s="452">
        <v>-6.6</v>
      </c>
      <c r="AC42" s="452">
        <v>62.5</v>
      </c>
      <c r="AD42" s="452">
        <v>-8</v>
      </c>
      <c r="AE42" s="452">
        <v>87.8</v>
      </c>
      <c r="AF42" s="452">
        <v>-1.1000000000000001</v>
      </c>
      <c r="AG42" s="466">
        <v>70.599999999999994</v>
      </c>
      <c r="AH42" s="452">
        <v>-11.6</v>
      </c>
      <c r="AI42" s="452">
        <v>76</v>
      </c>
      <c r="AJ42" s="452">
        <v>-3.3</v>
      </c>
      <c r="AK42" s="196"/>
    </row>
    <row r="43" spans="1:38" s="424" customFormat="1" ht="15" customHeight="1" x14ac:dyDescent="0.15">
      <c r="A43" s="615"/>
      <c r="B43" s="683"/>
      <c r="C43" s="456" t="s">
        <v>0</v>
      </c>
      <c r="D43" s="455" t="s">
        <v>240</v>
      </c>
      <c r="E43" s="450">
        <v>78.3</v>
      </c>
      <c r="F43" s="451">
        <v>-0.1</v>
      </c>
      <c r="G43" s="450">
        <v>80.8</v>
      </c>
      <c r="H43" s="450">
        <v>-1.3</v>
      </c>
      <c r="I43" s="450">
        <v>80</v>
      </c>
      <c r="J43" s="450">
        <v>5.8</v>
      </c>
      <c r="K43" s="450">
        <v>74.2</v>
      </c>
      <c r="L43" s="450">
        <v>-2.4</v>
      </c>
      <c r="M43" s="450">
        <v>83.3</v>
      </c>
      <c r="N43" s="450">
        <v>-0.7</v>
      </c>
      <c r="O43" s="450">
        <v>66.5</v>
      </c>
      <c r="P43" s="450">
        <v>-4.5999999999999996</v>
      </c>
      <c r="Q43" s="450">
        <v>88.7</v>
      </c>
      <c r="R43" s="450">
        <v>13.3</v>
      </c>
      <c r="S43" s="450">
        <v>64.599999999999994</v>
      </c>
      <c r="T43" s="450">
        <v>-7.1</v>
      </c>
      <c r="U43" s="450">
        <v>95.5</v>
      </c>
      <c r="V43" s="450">
        <v>2.7</v>
      </c>
      <c r="W43" s="450">
        <v>77.2</v>
      </c>
      <c r="X43" s="450">
        <v>-4.7</v>
      </c>
      <c r="Y43" s="450">
        <v>117.5</v>
      </c>
      <c r="Z43" s="450">
        <v>-4.2</v>
      </c>
      <c r="AA43" s="450">
        <v>88.7</v>
      </c>
      <c r="AB43" s="450">
        <v>-2.4</v>
      </c>
      <c r="AC43" s="450">
        <v>63.8</v>
      </c>
      <c r="AD43" s="450">
        <v>-6.5</v>
      </c>
      <c r="AE43" s="450">
        <v>81.400000000000006</v>
      </c>
      <c r="AF43" s="450">
        <v>-5.2</v>
      </c>
      <c r="AG43" s="465">
        <v>80.900000000000006</v>
      </c>
      <c r="AH43" s="465">
        <v>-0.9</v>
      </c>
      <c r="AI43" s="450">
        <v>77.3</v>
      </c>
      <c r="AJ43" s="450">
        <v>-3.6</v>
      </c>
      <c r="AK43" s="483"/>
      <c r="AL43" s="475"/>
    </row>
    <row r="44" spans="1:38" s="454" customFormat="1" ht="15" customHeight="1" x14ac:dyDescent="0.15">
      <c r="A44" s="615"/>
      <c r="B44" s="479"/>
      <c r="C44" s="456" t="s">
        <v>0</v>
      </c>
      <c r="D44" s="455" t="s">
        <v>241</v>
      </c>
      <c r="E44" s="452">
        <v>81.099999999999994</v>
      </c>
      <c r="F44" s="453">
        <v>-0.9</v>
      </c>
      <c r="G44" s="452">
        <v>76.599999999999994</v>
      </c>
      <c r="H44" s="452">
        <v>-9.3000000000000007</v>
      </c>
      <c r="I44" s="452">
        <v>86.7</v>
      </c>
      <c r="J44" s="452">
        <v>8.9</v>
      </c>
      <c r="K44" s="452">
        <v>75.7</v>
      </c>
      <c r="L44" s="452">
        <v>-3.9</v>
      </c>
      <c r="M44" s="452">
        <v>85</v>
      </c>
      <c r="N44" s="452">
        <v>-6.2</v>
      </c>
      <c r="O44" s="452">
        <v>69.8</v>
      </c>
      <c r="P44" s="452">
        <v>-2</v>
      </c>
      <c r="Q44" s="452">
        <v>87.7</v>
      </c>
      <c r="R44" s="452">
        <v>8.6999999999999993</v>
      </c>
      <c r="S44" s="452">
        <v>68.3</v>
      </c>
      <c r="T44" s="452">
        <v>-3.4</v>
      </c>
      <c r="U44" s="452">
        <v>101.2</v>
      </c>
      <c r="V44" s="452">
        <v>6.4</v>
      </c>
      <c r="W44" s="452">
        <v>78.599999999999994</v>
      </c>
      <c r="X44" s="452">
        <v>-1.8</v>
      </c>
      <c r="Y44" s="452">
        <v>133.4</v>
      </c>
      <c r="Z44" s="452">
        <v>5.6</v>
      </c>
      <c r="AA44" s="452">
        <v>93.8</v>
      </c>
      <c r="AB44" s="452">
        <v>5.3</v>
      </c>
      <c r="AC44" s="452">
        <v>67.5</v>
      </c>
      <c r="AD44" s="452">
        <v>-6.6</v>
      </c>
      <c r="AE44" s="452">
        <v>81.8</v>
      </c>
      <c r="AF44" s="452">
        <v>-12</v>
      </c>
      <c r="AG44" s="466">
        <v>73.900000000000006</v>
      </c>
      <c r="AH44" s="452">
        <v>-3.9</v>
      </c>
      <c r="AI44" s="452">
        <v>81.400000000000006</v>
      </c>
      <c r="AJ44" s="452">
        <v>-3.4</v>
      </c>
      <c r="AK44" s="484"/>
      <c r="AL44" s="477"/>
    </row>
    <row r="45" spans="1:38" s="424" customFormat="1" ht="15" customHeight="1" x14ac:dyDescent="0.15">
      <c r="A45" s="615"/>
      <c r="B45" s="472"/>
      <c r="C45" s="456" t="s">
        <v>0</v>
      </c>
      <c r="D45" s="455" t="s">
        <v>242</v>
      </c>
      <c r="E45" s="450">
        <v>82.4</v>
      </c>
      <c r="F45" s="451">
        <v>0</v>
      </c>
      <c r="G45" s="450">
        <v>78.599999999999994</v>
      </c>
      <c r="H45" s="450">
        <v>-8.1999999999999993</v>
      </c>
      <c r="I45" s="450">
        <v>82.9</v>
      </c>
      <c r="J45" s="450">
        <v>3.4</v>
      </c>
      <c r="K45" s="450">
        <v>76.599999999999994</v>
      </c>
      <c r="L45" s="450">
        <v>-1.2</v>
      </c>
      <c r="M45" s="450">
        <v>84</v>
      </c>
      <c r="N45" s="450">
        <v>-3.2</v>
      </c>
      <c r="O45" s="450">
        <v>84.4</v>
      </c>
      <c r="P45" s="450">
        <v>5</v>
      </c>
      <c r="Q45" s="450">
        <v>90.4</v>
      </c>
      <c r="R45" s="450">
        <v>9.8000000000000007</v>
      </c>
      <c r="S45" s="450">
        <v>61.4</v>
      </c>
      <c r="T45" s="450">
        <v>-15.7</v>
      </c>
      <c r="U45" s="450">
        <v>120.7</v>
      </c>
      <c r="V45" s="450">
        <v>-1.1000000000000001</v>
      </c>
      <c r="W45" s="450">
        <v>77.5</v>
      </c>
      <c r="X45" s="450">
        <v>-6.6</v>
      </c>
      <c r="Y45" s="450">
        <v>158.1</v>
      </c>
      <c r="Z45" s="450">
        <v>22.7</v>
      </c>
      <c r="AA45" s="450">
        <v>96.6</v>
      </c>
      <c r="AB45" s="450">
        <v>10.1</v>
      </c>
      <c r="AC45" s="450">
        <v>66.400000000000006</v>
      </c>
      <c r="AD45" s="450">
        <v>-3.1</v>
      </c>
      <c r="AE45" s="450">
        <v>84.8</v>
      </c>
      <c r="AF45" s="450">
        <v>-4.9000000000000004</v>
      </c>
      <c r="AG45" s="465">
        <v>70.7</v>
      </c>
      <c r="AH45" s="450">
        <v>-2.9</v>
      </c>
      <c r="AI45" s="450">
        <v>76.2</v>
      </c>
      <c r="AJ45" s="450">
        <v>-7.1</v>
      </c>
      <c r="AK45" s="483"/>
      <c r="AL45" s="475"/>
    </row>
    <row r="46" spans="1:38" s="454" customFormat="1" ht="15" customHeight="1" x14ac:dyDescent="0.15">
      <c r="A46" s="615"/>
      <c r="B46" s="479"/>
      <c r="C46" s="456" t="s">
        <v>0</v>
      </c>
      <c r="D46" s="455" t="s">
        <v>243</v>
      </c>
      <c r="E46" s="452">
        <v>81.2</v>
      </c>
      <c r="F46" s="453">
        <v>3.3</v>
      </c>
      <c r="G46" s="452">
        <v>76.3</v>
      </c>
      <c r="H46" s="452">
        <v>-8.4</v>
      </c>
      <c r="I46" s="452">
        <v>81.8</v>
      </c>
      <c r="J46" s="452">
        <v>8.1999999999999993</v>
      </c>
      <c r="K46" s="452">
        <v>73.5</v>
      </c>
      <c r="L46" s="452">
        <v>-2</v>
      </c>
      <c r="M46" s="452">
        <v>85.2</v>
      </c>
      <c r="N46" s="452">
        <v>-1.3</v>
      </c>
      <c r="O46" s="452">
        <v>69.7</v>
      </c>
      <c r="P46" s="452">
        <v>6.3</v>
      </c>
      <c r="Q46" s="452">
        <v>110.3</v>
      </c>
      <c r="R46" s="452">
        <v>26.8</v>
      </c>
      <c r="S46" s="452">
        <v>63.5</v>
      </c>
      <c r="T46" s="452">
        <v>-9.9</v>
      </c>
      <c r="U46" s="452">
        <v>98.3</v>
      </c>
      <c r="V46" s="452">
        <v>-4.8</v>
      </c>
      <c r="W46" s="452">
        <v>75.7</v>
      </c>
      <c r="X46" s="452">
        <v>-1.3</v>
      </c>
      <c r="Y46" s="452">
        <v>153</v>
      </c>
      <c r="Z46" s="452">
        <v>18.100000000000001</v>
      </c>
      <c r="AA46" s="452">
        <v>95.1</v>
      </c>
      <c r="AB46" s="452">
        <v>7.8</v>
      </c>
      <c r="AC46" s="452">
        <v>61.3</v>
      </c>
      <c r="AD46" s="452">
        <v>-5.8</v>
      </c>
      <c r="AE46" s="452">
        <v>81</v>
      </c>
      <c r="AF46" s="452">
        <v>-6</v>
      </c>
      <c r="AG46" s="466">
        <v>79</v>
      </c>
      <c r="AH46" s="452">
        <v>11.6</v>
      </c>
      <c r="AI46" s="452">
        <v>74.599999999999994</v>
      </c>
      <c r="AJ46" s="452">
        <v>-3.2</v>
      </c>
      <c r="AK46" s="484"/>
      <c r="AL46" s="477"/>
    </row>
    <row r="47" spans="1:38" s="424" customFormat="1" ht="13.5" customHeight="1" x14ac:dyDescent="0.15">
      <c r="A47" s="615"/>
      <c r="B47" s="472"/>
      <c r="C47" s="448"/>
      <c r="D47" s="455"/>
      <c r="E47" s="452"/>
      <c r="F47" s="453"/>
      <c r="G47" s="452"/>
      <c r="H47" s="452"/>
      <c r="I47" s="452"/>
      <c r="J47" s="452"/>
      <c r="K47" s="452"/>
      <c r="L47" s="452"/>
      <c r="M47" s="452"/>
      <c r="N47" s="452"/>
      <c r="O47" s="452"/>
      <c r="P47" s="452"/>
      <c r="Q47" s="452"/>
      <c r="R47" s="452"/>
      <c r="S47" s="452"/>
      <c r="T47" s="452"/>
      <c r="U47" s="452"/>
      <c r="V47" s="452"/>
      <c r="W47" s="452"/>
      <c r="X47" s="452"/>
      <c r="Y47" s="452"/>
      <c r="Z47" s="452"/>
      <c r="AA47" s="452"/>
      <c r="AB47" s="452"/>
      <c r="AC47" s="452"/>
      <c r="AD47" s="452"/>
      <c r="AE47" s="452"/>
      <c r="AF47" s="452"/>
      <c r="AG47" s="466"/>
      <c r="AH47" s="466"/>
      <c r="AI47" s="452"/>
      <c r="AJ47" s="452"/>
      <c r="AK47" s="422"/>
    </row>
    <row r="48" spans="1:38" s="424" customFormat="1" ht="13.5" customHeight="1" x14ac:dyDescent="0.15">
      <c r="A48" s="615"/>
      <c r="B48" s="472"/>
      <c r="C48" s="448" t="s">
        <v>238</v>
      </c>
      <c r="D48" s="455" t="s">
        <v>231</v>
      </c>
      <c r="E48" s="450">
        <v>145.5</v>
      </c>
      <c r="F48" s="451">
        <v>3.4</v>
      </c>
      <c r="G48" s="450">
        <v>159.9</v>
      </c>
      <c r="H48" s="450">
        <v>2.6</v>
      </c>
      <c r="I48" s="450">
        <v>159.80000000000001</v>
      </c>
      <c r="J48" s="450">
        <v>9.9</v>
      </c>
      <c r="K48" s="450">
        <v>143.69999999999999</v>
      </c>
      <c r="L48" s="450">
        <v>-21.5</v>
      </c>
      <c r="M48" s="450">
        <v>220</v>
      </c>
      <c r="N48" s="450">
        <v>-6.1</v>
      </c>
      <c r="O48" s="450">
        <v>107.3</v>
      </c>
      <c r="P48" s="450">
        <v>-7.3</v>
      </c>
      <c r="Q48" s="450">
        <v>130.69999999999999</v>
      </c>
      <c r="R48" s="450">
        <v>12.6</v>
      </c>
      <c r="S48" s="450">
        <v>142.1</v>
      </c>
      <c r="T48" s="450">
        <v>-24.5</v>
      </c>
      <c r="U48" s="450">
        <v>171.4</v>
      </c>
      <c r="V48" s="450">
        <v>-3.3</v>
      </c>
      <c r="W48" s="450">
        <v>186.4</v>
      </c>
      <c r="X48" s="450">
        <v>6.6</v>
      </c>
      <c r="Y48" s="450">
        <v>167.7</v>
      </c>
      <c r="Z48" s="450">
        <v>14</v>
      </c>
      <c r="AA48" s="450">
        <v>99.9</v>
      </c>
      <c r="AB48" s="450">
        <v>-12.9</v>
      </c>
      <c r="AC48" s="450">
        <v>158.6</v>
      </c>
      <c r="AD48" s="450">
        <v>34.299999999999997</v>
      </c>
      <c r="AE48" s="450">
        <v>126.9</v>
      </c>
      <c r="AF48" s="450">
        <v>-3.1</v>
      </c>
      <c r="AG48" s="450">
        <v>138.5</v>
      </c>
      <c r="AH48" s="450">
        <v>-10.4</v>
      </c>
      <c r="AI48" s="450">
        <v>109.4</v>
      </c>
      <c r="AJ48" s="450">
        <v>-9.6999999999999993</v>
      </c>
      <c r="AK48" s="422"/>
    </row>
    <row r="49" spans="1:36" ht="11.25" customHeight="1" thickBot="1" x14ac:dyDescent="0.2">
      <c r="A49" s="615"/>
      <c r="B49" s="485"/>
      <c r="C49" s="468"/>
      <c r="D49" s="469"/>
      <c r="E49" s="470"/>
      <c r="F49" s="471"/>
      <c r="G49" s="470"/>
      <c r="H49" s="470"/>
      <c r="I49" s="470"/>
      <c r="J49" s="470"/>
      <c r="K49" s="470"/>
      <c r="L49" s="470"/>
      <c r="M49" s="470"/>
      <c r="N49" s="470"/>
      <c r="O49" s="470"/>
      <c r="P49" s="470"/>
      <c r="Q49" s="470"/>
      <c r="R49" s="470"/>
      <c r="S49" s="470"/>
      <c r="T49" s="470"/>
      <c r="U49" s="470"/>
      <c r="V49" s="470"/>
      <c r="W49" s="470"/>
      <c r="X49" s="470"/>
      <c r="Y49" s="470"/>
      <c r="Z49" s="470"/>
      <c r="AA49" s="470"/>
      <c r="AB49" s="470"/>
      <c r="AC49" s="470"/>
      <c r="AD49" s="470"/>
      <c r="AE49" s="470"/>
      <c r="AF49" s="470"/>
      <c r="AG49" s="470"/>
      <c r="AH49" s="470"/>
      <c r="AI49" s="470"/>
      <c r="AJ49" s="470"/>
    </row>
    <row r="50" spans="1:36" ht="14.1" customHeight="1" x14ac:dyDescent="0.15">
      <c r="A50" s="615"/>
      <c r="C50" s="688" t="s">
        <v>213</v>
      </c>
      <c r="D50" s="688"/>
      <c r="E50" s="688"/>
      <c r="F50" s="688"/>
      <c r="G50" s="688"/>
      <c r="H50" s="688"/>
      <c r="I50" s="688"/>
      <c r="J50" s="688"/>
      <c r="K50" s="688"/>
      <c r="L50" s="688"/>
      <c r="M50" s="688"/>
      <c r="N50" s="688"/>
      <c r="O50" s="688"/>
      <c r="P50" s="688"/>
      <c r="Q50" s="688"/>
      <c r="R50" s="688"/>
      <c r="S50" s="688"/>
      <c r="T50" s="688"/>
      <c r="U50" s="688"/>
      <c r="V50" s="688"/>
      <c r="W50" s="688"/>
      <c r="X50" s="688"/>
      <c r="Y50" s="688"/>
      <c r="Z50" s="688"/>
      <c r="AA50" s="688"/>
      <c r="AB50" s="688"/>
      <c r="AC50" s="688"/>
      <c r="AD50" s="688"/>
      <c r="AE50" s="688"/>
      <c r="AF50" s="688"/>
      <c r="AG50" s="688"/>
      <c r="AH50" s="688"/>
      <c r="AI50" s="688"/>
      <c r="AJ50" s="688"/>
    </row>
    <row r="52" spans="1:36" x14ac:dyDescent="0.15">
      <c r="B52" s="687"/>
      <c r="C52" s="687"/>
      <c r="D52" s="687"/>
      <c r="E52" s="687"/>
      <c r="F52" s="687"/>
      <c r="G52" s="687"/>
      <c r="H52" s="687"/>
      <c r="I52" s="687"/>
      <c r="J52" s="687"/>
      <c r="K52" s="687"/>
    </row>
  </sheetData>
  <protectedRanges>
    <protectedRange sqref="AI26:AJ26" name="範囲1_1_1"/>
    <protectedRange sqref="U26:AB26" name="範囲1_1_2"/>
    <protectedRange sqref="U47:AB47" name="範囲1_1_3"/>
    <protectedRange sqref="AI47:AJ47" name="範囲1_1_4"/>
    <protectedRange sqref="U30:AB30 AI30:AJ30" name="範囲1_1_3_1_1_1"/>
  </protectedRanges>
  <mergeCells count="55">
    <mergeCell ref="B52:K52"/>
    <mergeCell ref="AG6:AH6"/>
    <mergeCell ref="AI6:AJ6"/>
    <mergeCell ref="B8:B28"/>
    <mergeCell ref="B35:B39"/>
    <mergeCell ref="B41:B43"/>
    <mergeCell ref="C50:AJ50"/>
    <mergeCell ref="U6:V6"/>
    <mergeCell ref="W6:X6"/>
    <mergeCell ref="Y6:Z6"/>
    <mergeCell ref="AI5:AJ5"/>
    <mergeCell ref="E6:F6"/>
    <mergeCell ref="G6:H6"/>
    <mergeCell ref="I6:J6"/>
    <mergeCell ref="K6:L6"/>
    <mergeCell ref="M6:N6"/>
    <mergeCell ref="Y5:Z5"/>
    <mergeCell ref="AA6:AB6"/>
    <mergeCell ref="AC6:AD6"/>
    <mergeCell ref="AE6:AF6"/>
    <mergeCell ref="AG5:AH5"/>
    <mergeCell ref="O6:P6"/>
    <mergeCell ref="Q6:R6"/>
    <mergeCell ref="S6:T6"/>
    <mergeCell ref="U5:V5"/>
    <mergeCell ref="W5:X5"/>
    <mergeCell ref="AA5:AB5"/>
    <mergeCell ref="AC5:AD5"/>
    <mergeCell ref="AE5:AF5"/>
    <mergeCell ref="AA4:AB4"/>
    <mergeCell ref="AC4:AD4"/>
    <mergeCell ref="AE4:AF4"/>
    <mergeCell ref="Y4:Z4"/>
    <mergeCell ref="A1:A50"/>
    <mergeCell ref="AF1:AJ1"/>
    <mergeCell ref="H2:L2"/>
    <mergeCell ref="P2:T2"/>
    <mergeCell ref="C3:D7"/>
    <mergeCell ref="E4:F4"/>
    <mergeCell ref="G4:H4"/>
    <mergeCell ref="AG4:AH4"/>
    <mergeCell ref="AI4:AJ4"/>
    <mergeCell ref="K5:L5"/>
    <mergeCell ref="M5:N5"/>
    <mergeCell ref="O5:P5"/>
    <mergeCell ref="Q5:R5"/>
    <mergeCell ref="S5:T5"/>
    <mergeCell ref="O4:P4"/>
    <mergeCell ref="I4:J4"/>
    <mergeCell ref="K4:L4"/>
    <mergeCell ref="M4:N4"/>
    <mergeCell ref="U4:V4"/>
    <mergeCell ref="W4:X4"/>
    <mergeCell ref="Q4:R4"/>
    <mergeCell ref="S4:T4"/>
  </mergeCells>
  <phoneticPr fontId="3"/>
  <printOptions horizontalCentered="1"/>
  <pageMargins left="0.59055118110236227" right="0.59055118110236227" top="0.39370078740157483" bottom="0.59055118110236227" header="0" footer="0.19685039370078741"/>
  <pageSetup paperSize="9" scale="78" orientation="landscape" errors="blank" r:id="rId1"/>
  <headerFooter alignWithMargins="0"/>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8">
    <tabColor indexed="52"/>
  </sheetPr>
  <dimension ref="A1:AK50"/>
  <sheetViews>
    <sheetView view="pageBreakPreview" topLeftCell="A4" zoomScale="115" zoomScaleNormal="100" zoomScaleSheetLayoutView="115" workbookViewId="0">
      <selection sqref="A1:A50"/>
    </sheetView>
  </sheetViews>
  <sheetFormatPr defaultRowHeight="13.5" x14ac:dyDescent="0.15"/>
  <cols>
    <col min="1" max="1" width="4.375" style="321" customWidth="1"/>
    <col min="2" max="2" width="2.5" style="321" customWidth="1"/>
    <col min="3" max="3" width="6.625" style="395" customWidth="1"/>
    <col min="4" max="4" width="3.875" style="395" customWidth="1"/>
    <col min="5" max="32" width="4.875" style="395" customWidth="1"/>
    <col min="33" max="33" width="4.875" style="399" customWidth="1"/>
    <col min="34" max="34" width="5.125" style="395" customWidth="1"/>
    <col min="35" max="36" width="4.875" style="395" customWidth="1"/>
    <col min="37" max="37" width="9" style="395"/>
  </cols>
  <sheetData>
    <row r="1" spans="1:37" ht="18.75" customHeight="1" x14ac:dyDescent="0.15">
      <c r="A1" s="615" t="s">
        <v>214</v>
      </c>
      <c r="B1" s="212" t="s">
        <v>215</v>
      </c>
      <c r="D1" s="417"/>
      <c r="E1" s="417"/>
      <c r="F1" s="417"/>
      <c r="G1" s="417"/>
      <c r="H1" s="417"/>
      <c r="I1" s="417"/>
      <c r="J1" s="417"/>
      <c r="K1" s="417"/>
      <c r="L1" s="417"/>
      <c r="M1" s="417"/>
      <c r="N1" s="417"/>
      <c r="O1" s="417"/>
      <c r="P1" s="417"/>
      <c r="Q1" s="417"/>
      <c r="R1" s="417"/>
      <c r="S1" s="417"/>
      <c r="T1" s="417"/>
      <c r="U1" s="417"/>
      <c r="V1" s="417"/>
      <c r="W1" s="417"/>
      <c r="X1" s="417"/>
      <c r="Y1" s="417"/>
      <c r="Z1" s="417"/>
      <c r="AA1" s="417"/>
      <c r="AB1" s="417"/>
      <c r="AC1" s="417"/>
      <c r="AD1" s="417"/>
      <c r="AE1" s="417"/>
      <c r="AF1" s="618" t="s">
        <v>212</v>
      </c>
      <c r="AG1" s="618"/>
      <c r="AH1" s="618"/>
      <c r="AI1" s="618"/>
      <c r="AJ1" s="618"/>
    </row>
    <row r="2" spans="1:37" s="424" customFormat="1" ht="3.75" customHeight="1" thickBot="1" x14ac:dyDescent="0.2">
      <c r="A2" s="615"/>
      <c r="B2" s="486"/>
      <c r="C2" s="420"/>
      <c r="D2" s="420"/>
      <c r="E2" s="420"/>
      <c r="F2" s="420"/>
      <c r="G2" s="420"/>
      <c r="H2" s="659"/>
      <c r="I2" s="659"/>
      <c r="J2" s="659"/>
      <c r="K2" s="659"/>
      <c r="L2" s="659"/>
      <c r="M2" s="420"/>
      <c r="N2" s="420"/>
      <c r="O2" s="420"/>
      <c r="P2" s="659"/>
      <c r="Q2" s="659"/>
      <c r="R2" s="659"/>
      <c r="S2" s="659"/>
      <c r="T2" s="659"/>
      <c r="U2" s="420"/>
      <c r="V2" s="420"/>
      <c r="W2" s="420"/>
      <c r="X2" s="420"/>
      <c r="Y2" s="420"/>
      <c r="Z2" s="420"/>
      <c r="AA2" s="420"/>
      <c r="AB2" s="422"/>
      <c r="AC2" s="422"/>
      <c r="AD2" s="422"/>
      <c r="AE2" s="422"/>
      <c r="AF2" s="423"/>
      <c r="AG2" s="423"/>
      <c r="AH2" s="423"/>
      <c r="AI2" s="423"/>
      <c r="AJ2" s="423"/>
      <c r="AK2" s="422"/>
    </row>
    <row r="3" spans="1:37" s="424" customFormat="1" ht="6" customHeight="1" x14ac:dyDescent="0.15">
      <c r="A3" s="615"/>
      <c r="B3" s="487"/>
      <c r="C3" s="660"/>
      <c r="D3" s="661"/>
      <c r="E3" s="426"/>
      <c r="F3" s="427"/>
      <c r="G3" s="428"/>
      <c r="H3" s="429"/>
      <c r="I3" s="426"/>
      <c r="J3" s="429"/>
      <c r="K3" s="426"/>
      <c r="L3" s="429"/>
      <c r="M3" s="426"/>
      <c r="N3" s="429"/>
      <c r="O3" s="426"/>
      <c r="P3" s="429"/>
      <c r="Q3" s="426"/>
      <c r="R3" s="429"/>
      <c r="S3" s="426"/>
      <c r="T3" s="428"/>
      <c r="U3" s="426"/>
      <c r="V3" s="429"/>
      <c r="W3" s="426"/>
      <c r="X3" s="429"/>
      <c r="Y3" s="426"/>
      <c r="Z3" s="429"/>
      <c r="AA3" s="426"/>
      <c r="AB3" s="429"/>
      <c r="AC3" s="426"/>
      <c r="AD3" s="428"/>
      <c r="AE3" s="426"/>
      <c r="AF3" s="429"/>
      <c r="AG3" s="430"/>
      <c r="AH3" s="429"/>
      <c r="AI3" s="426"/>
      <c r="AJ3" s="428"/>
      <c r="AK3" s="422"/>
    </row>
    <row r="4" spans="1:37" s="424" customFormat="1" ht="10.5" customHeight="1" x14ac:dyDescent="0.15">
      <c r="A4" s="615"/>
      <c r="B4" s="488"/>
      <c r="C4" s="662"/>
      <c r="D4" s="663"/>
      <c r="E4" s="652" t="s">
        <v>89</v>
      </c>
      <c r="F4" s="666"/>
      <c r="G4" s="667" t="s">
        <v>1</v>
      </c>
      <c r="H4" s="653"/>
      <c r="I4" s="652" t="s">
        <v>2</v>
      </c>
      <c r="J4" s="653"/>
      <c r="K4" s="652" t="s">
        <v>182</v>
      </c>
      <c r="L4" s="653"/>
      <c r="M4" s="654" t="s">
        <v>183</v>
      </c>
      <c r="N4" s="655"/>
      <c r="O4" s="654" t="s">
        <v>184</v>
      </c>
      <c r="P4" s="655"/>
      <c r="Q4" s="652" t="s">
        <v>185</v>
      </c>
      <c r="R4" s="673"/>
      <c r="S4" s="654" t="s">
        <v>186</v>
      </c>
      <c r="T4" s="655"/>
      <c r="U4" s="654" t="s">
        <v>187</v>
      </c>
      <c r="V4" s="655"/>
      <c r="W4" s="656" t="s">
        <v>188</v>
      </c>
      <c r="X4" s="657"/>
      <c r="Y4" s="654" t="s">
        <v>189</v>
      </c>
      <c r="Z4" s="658"/>
      <c r="AA4" s="656" t="s">
        <v>190</v>
      </c>
      <c r="AB4" s="657"/>
      <c r="AC4" s="654" t="s">
        <v>191</v>
      </c>
      <c r="AD4" s="658"/>
      <c r="AE4" s="654" t="s">
        <v>192</v>
      </c>
      <c r="AF4" s="658"/>
      <c r="AG4" s="654" t="s">
        <v>193</v>
      </c>
      <c r="AH4" s="658"/>
      <c r="AI4" s="654" t="s">
        <v>194</v>
      </c>
      <c r="AJ4" s="668"/>
      <c r="AK4" s="422"/>
    </row>
    <row r="5" spans="1:37" s="424" customFormat="1" ht="10.5" customHeight="1" x14ac:dyDescent="0.15">
      <c r="A5" s="615"/>
      <c r="B5" s="488"/>
      <c r="C5" s="662"/>
      <c r="D5" s="663"/>
      <c r="E5" s="432"/>
      <c r="F5" s="433"/>
      <c r="G5" s="434"/>
      <c r="H5" s="435"/>
      <c r="I5" s="432"/>
      <c r="J5" s="435"/>
      <c r="K5" s="669" t="s">
        <v>195</v>
      </c>
      <c r="L5" s="670"/>
      <c r="M5" s="671"/>
      <c r="N5" s="655"/>
      <c r="O5" s="672" t="s">
        <v>196</v>
      </c>
      <c r="P5" s="655"/>
      <c r="Q5" s="652" t="s">
        <v>197</v>
      </c>
      <c r="R5" s="673"/>
      <c r="S5" s="654" t="s">
        <v>198</v>
      </c>
      <c r="T5" s="655"/>
      <c r="U5" s="654" t="s">
        <v>199</v>
      </c>
      <c r="V5" s="655"/>
      <c r="W5" s="656" t="s">
        <v>200</v>
      </c>
      <c r="X5" s="657"/>
      <c r="Y5" s="656" t="s">
        <v>201</v>
      </c>
      <c r="Z5" s="657"/>
      <c r="AA5" s="654" t="s">
        <v>202</v>
      </c>
      <c r="AB5" s="655"/>
      <c r="AC5" s="654" t="s">
        <v>203</v>
      </c>
      <c r="AD5" s="658"/>
      <c r="AE5" s="654"/>
      <c r="AF5" s="655"/>
      <c r="AG5" s="654" t="s">
        <v>204</v>
      </c>
      <c r="AH5" s="655"/>
      <c r="AI5" s="654"/>
      <c r="AJ5" s="676"/>
      <c r="AK5" s="422"/>
    </row>
    <row r="6" spans="1:37" s="437" customFormat="1" ht="15" customHeight="1" x14ac:dyDescent="0.15">
      <c r="A6" s="615"/>
      <c r="B6" s="489"/>
      <c r="C6" s="662"/>
      <c r="D6" s="663"/>
      <c r="E6" s="674" t="s">
        <v>205</v>
      </c>
      <c r="F6" s="677"/>
      <c r="G6" s="678" t="s">
        <v>205</v>
      </c>
      <c r="H6" s="675"/>
      <c r="I6" s="674" t="s">
        <v>205</v>
      </c>
      <c r="J6" s="675"/>
      <c r="K6" s="674" t="s">
        <v>205</v>
      </c>
      <c r="L6" s="675"/>
      <c r="M6" s="674" t="s">
        <v>205</v>
      </c>
      <c r="N6" s="675"/>
      <c r="O6" s="674" t="s">
        <v>205</v>
      </c>
      <c r="P6" s="675"/>
      <c r="Q6" s="674" t="s">
        <v>205</v>
      </c>
      <c r="R6" s="675"/>
      <c r="S6" s="674" t="s">
        <v>205</v>
      </c>
      <c r="T6" s="675"/>
      <c r="U6" s="674" t="s">
        <v>205</v>
      </c>
      <c r="V6" s="675"/>
      <c r="W6" s="674" t="s">
        <v>205</v>
      </c>
      <c r="X6" s="675"/>
      <c r="Y6" s="674" t="s">
        <v>205</v>
      </c>
      <c r="Z6" s="675"/>
      <c r="AA6" s="674" t="s">
        <v>205</v>
      </c>
      <c r="AB6" s="675"/>
      <c r="AC6" s="674" t="s">
        <v>205</v>
      </c>
      <c r="AD6" s="675"/>
      <c r="AE6" s="674" t="s">
        <v>205</v>
      </c>
      <c r="AF6" s="675"/>
      <c r="AG6" s="674" t="s">
        <v>205</v>
      </c>
      <c r="AH6" s="675"/>
      <c r="AI6" s="674" t="s">
        <v>205</v>
      </c>
      <c r="AJ6" s="678"/>
      <c r="AK6" s="420"/>
    </row>
    <row r="7" spans="1:37" s="424" customFormat="1" ht="7.5" customHeight="1" x14ac:dyDescent="0.15">
      <c r="A7" s="615"/>
      <c r="B7" s="490"/>
      <c r="C7" s="664"/>
      <c r="D7" s="665"/>
      <c r="E7" s="439"/>
      <c r="F7" s="440" t="s">
        <v>164</v>
      </c>
      <c r="G7" s="441"/>
      <c r="H7" s="442" t="s">
        <v>164</v>
      </c>
      <c r="I7" s="439"/>
      <c r="J7" s="442" t="s">
        <v>164</v>
      </c>
      <c r="K7" s="439"/>
      <c r="L7" s="442" t="s">
        <v>164</v>
      </c>
      <c r="M7" s="439"/>
      <c r="N7" s="442" t="s">
        <v>164</v>
      </c>
      <c r="O7" s="439"/>
      <c r="P7" s="442" t="s">
        <v>164</v>
      </c>
      <c r="Q7" s="439"/>
      <c r="R7" s="442" t="s">
        <v>164</v>
      </c>
      <c r="S7" s="439"/>
      <c r="T7" s="442" t="s">
        <v>164</v>
      </c>
      <c r="U7" s="439"/>
      <c r="V7" s="442" t="s">
        <v>164</v>
      </c>
      <c r="W7" s="439"/>
      <c r="X7" s="442" t="s">
        <v>164</v>
      </c>
      <c r="Y7" s="439"/>
      <c r="Z7" s="442" t="s">
        <v>164</v>
      </c>
      <c r="AA7" s="439"/>
      <c r="AB7" s="442" t="s">
        <v>164</v>
      </c>
      <c r="AC7" s="439"/>
      <c r="AD7" s="442" t="s">
        <v>164</v>
      </c>
      <c r="AE7" s="439"/>
      <c r="AF7" s="442" t="s">
        <v>164</v>
      </c>
      <c r="AG7" s="443"/>
      <c r="AH7" s="442" t="s">
        <v>164</v>
      </c>
      <c r="AI7" s="439"/>
      <c r="AJ7" s="334" t="s">
        <v>164</v>
      </c>
      <c r="AK7" s="422"/>
    </row>
    <row r="8" spans="1:37" s="424" customFormat="1" ht="11.25" customHeight="1" x14ac:dyDescent="0.15">
      <c r="A8" s="615"/>
      <c r="B8" s="679" t="s">
        <v>206</v>
      </c>
      <c r="C8" s="444"/>
      <c r="D8" s="491"/>
      <c r="E8" s="479"/>
      <c r="F8" s="492"/>
      <c r="G8" s="479"/>
      <c r="H8" s="479"/>
      <c r="I8" s="479"/>
      <c r="J8" s="479"/>
      <c r="K8" s="479"/>
      <c r="L8" s="479"/>
      <c r="M8" s="479"/>
      <c r="N8" s="479"/>
      <c r="O8" s="479"/>
      <c r="P8" s="479"/>
      <c r="Q8" s="479"/>
      <c r="R8" s="479"/>
      <c r="S8" s="479"/>
      <c r="T8" s="479"/>
      <c r="U8" s="479"/>
      <c r="V8" s="479"/>
      <c r="W8" s="479"/>
      <c r="X8" s="479"/>
      <c r="Y8" s="479"/>
      <c r="Z8" s="479"/>
      <c r="AA8" s="479"/>
      <c r="AB8" s="479"/>
      <c r="AC8" s="479"/>
      <c r="AD8" s="479"/>
      <c r="AE8" s="479"/>
      <c r="AF8" s="479"/>
      <c r="AG8" s="479"/>
      <c r="AH8" s="479"/>
      <c r="AI8" s="479"/>
      <c r="AJ8" s="479"/>
      <c r="AK8" s="422"/>
    </row>
    <row r="9" spans="1:37" s="424" customFormat="1" ht="14.25" customHeight="1" x14ac:dyDescent="0.15">
      <c r="A9" s="615"/>
      <c r="B9" s="689"/>
      <c r="C9" s="448" t="s">
        <v>226</v>
      </c>
      <c r="D9" s="449" t="s">
        <v>227</v>
      </c>
      <c r="E9" s="450">
        <v>102.6</v>
      </c>
      <c r="F9" s="451">
        <v>-0.7</v>
      </c>
      <c r="G9" s="450">
        <v>98.3</v>
      </c>
      <c r="H9" s="450">
        <v>2.1</v>
      </c>
      <c r="I9" s="450">
        <v>103.3</v>
      </c>
      <c r="J9" s="450">
        <v>-0.8</v>
      </c>
      <c r="K9" s="450">
        <v>107.4</v>
      </c>
      <c r="L9" s="450">
        <v>1.4</v>
      </c>
      <c r="M9" s="450">
        <v>103.9</v>
      </c>
      <c r="N9" s="450">
        <v>-9.3000000000000007</v>
      </c>
      <c r="O9" s="450">
        <v>103.2</v>
      </c>
      <c r="P9" s="450">
        <v>9.6999999999999993</v>
      </c>
      <c r="Q9" s="450">
        <v>100.6</v>
      </c>
      <c r="R9" s="450">
        <v>-2.8</v>
      </c>
      <c r="S9" s="450">
        <v>103.9</v>
      </c>
      <c r="T9" s="450">
        <v>-6.1</v>
      </c>
      <c r="U9" s="450">
        <v>97.1</v>
      </c>
      <c r="V9" s="450">
        <v>0.9</v>
      </c>
      <c r="W9" s="450">
        <v>103.9</v>
      </c>
      <c r="X9" s="450">
        <v>0.7</v>
      </c>
      <c r="Y9" s="450">
        <v>105.9</v>
      </c>
      <c r="Z9" s="450">
        <v>4.7</v>
      </c>
      <c r="AA9" s="450">
        <v>93.6</v>
      </c>
      <c r="AB9" s="450">
        <v>-0.9</v>
      </c>
      <c r="AC9" s="450">
        <v>99</v>
      </c>
      <c r="AD9" s="450">
        <v>-3.9</v>
      </c>
      <c r="AE9" s="450">
        <v>106</v>
      </c>
      <c r="AF9" s="450">
        <v>2.4</v>
      </c>
      <c r="AG9" s="450">
        <v>104.8</v>
      </c>
      <c r="AH9" s="450">
        <v>8.5</v>
      </c>
      <c r="AI9" s="450">
        <v>105</v>
      </c>
      <c r="AJ9" s="450">
        <v>-3.5</v>
      </c>
      <c r="AK9" s="422"/>
    </row>
    <row r="10" spans="1:37" s="454" customFormat="1" ht="14.25" customHeight="1" x14ac:dyDescent="0.15">
      <c r="A10" s="615"/>
      <c r="B10" s="689"/>
      <c r="C10" s="448" t="s">
        <v>226</v>
      </c>
      <c r="D10" s="449" t="s">
        <v>228</v>
      </c>
      <c r="E10" s="452">
        <v>100</v>
      </c>
      <c r="F10" s="453">
        <v>-2.5</v>
      </c>
      <c r="G10" s="452">
        <v>100</v>
      </c>
      <c r="H10" s="452">
        <v>1.7</v>
      </c>
      <c r="I10" s="452">
        <v>100</v>
      </c>
      <c r="J10" s="452">
        <v>-3.2</v>
      </c>
      <c r="K10" s="452">
        <v>100</v>
      </c>
      <c r="L10" s="452">
        <v>-6.9</v>
      </c>
      <c r="M10" s="452">
        <v>100</v>
      </c>
      <c r="N10" s="452">
        <v>-3.7</v>
      </c>
      <c r="O10" s="452">
        <v>100</v>
      </c>
      <c r="P10" s="452">
        <v>-3.1</v>
      </c>
      <c r="Q10" s="452">
        <v>100</v>
      </c>
      <c r="R10" s="452">
        <v>-0.5</v>
      </c>
      <c r="S10" s="452">
        <v>100</v>
      </c>
      <c r="T10" s="452">
        <v>-3.8</v>
      </c>
      <c r="U10" s="452">
        <v>100</v>
      </c>
      <c r="V10" s="452">
        <v>2.9</v>
      </c>
      <c r="W10" s="452">
        <v>100</v>
      </c>
      <c r="X10" s="452">
        <v>-3.8</v>
      </c>
      <c r="Y10" s="452">
        <v>100</v>
      </c>
      <c r="Z10" s="452">
        <v>-5.6</v>
      </c>
      <c r="AA10" s="452">
        <v>100</v>
      </c>
      <c r="AB10" s="452">
        <v>6.9</v>
      </c>
      <c r="AC10" s="452">
        <v>100</v>
      </c>
      <c r="AD10" s="452">
        <v>1</v>
      </c>
      <c r="AE10" s="452">
        <v>100</v>
      </c>
      <c r="AF10" s="452">
        <v>-5.7</v>
      </c>
      <c r="AG10" s="452">
        <v>100</v>
      </c>
      <c r="AH10" s="452">
        <v>-4.5</v>
      </c>
      <c r="AI10" s="452">
        <v>100</v>
      </c>
      <c r="AJ10" s="452">
        <v>-4.8</v>
      </c>
      <c r="AK10" s="196"/>
    </row>
    <row r="11" spans="1:37" s="424" customFormat="1" ht="14.25" customHeight="1" x14ac:dyDescent="0.15">
      <c r="A11" s="615"/>
      <c r="B11" s="689"/>
      <c r="C11" s="448" t="s">
        <v>226</v>
      </c>
      <c r="D11" s="449" t="s">
        <v>229</v>
      </c>
      <c r="E11" s="450">
        <v>99.8</v>
      </c>
      <c r="F11" s="451">
        <v>-0.2</v>
      </c>
      <c r="G11" s="450">
        <v>105.1</v>
      </c>
      <c r="H11" s="450">
        <v>5.0999999999999996</v>
      </c>
      <c r="I11" s="450">
        <v>101.3</v>
      </c>
      <c r="J11" s="450">
        <v>1.3</v>
      </c>
      <c r="K11" s="450">
        <v>100.7</v>
      </c>
      <c r="L11" s="450">
        <v>0.8</v>
      </c>
      <c r="M11" s="450">
        <v>102.6</v>
      </c>
      <c r="N11" s="450">
        <v>2.5</v>
      </c>
      <c r="O11" s="450">
        <v>94.2</v>
      </c>
      <c r="P11" s="450">
        <v>-5.8</v>
      </c>
      <c r="Q11" s="450">
        <v>95.1</v>
      </c>
      <c r="R11" s="450">
        <v>-4.9000000000000004</v>
      </c>
      <c r="S11" s="450">
        <v>97.7</v>
      </c>
      <c r="T11" s="450">
        <v>-2.2000000000000002</v>
      </c>
      <c r="U11" s="450">
        <v>105.7</v>
      </c>
      <c r="V11" s="450">
        <v>5.8</v>
      </c>
      <c r="W11" s="450">
        <v>100.2</v>
      </c>
      <c r="X11" s="450">
        <v>0.2</v>
      </c>
      <c r="Y11" s="450">
        <v>108.3</v>
      </c>
      <c r="Z11" s="450">
        <v>8.4</v>
      </c>
      <c r="AA11" s="450">
        <v>102.7</v>
      </c>
      <c r="AB11" s="450">
        <v>2.7</v>
      </c>
      <c r="AC11" s="450">
        <v>104.6</v>
      </c>
      <c r="AD11" s="450">
        <v>4.5999999999999996</v>
      </c>
      <c r="AE11" s="450">
        <v>95.5</v>
      </c>
      <c r="AF11" s="450">
        <v>-4.5</v>
      </c>
      <c r="AG11" s="450">
        <v>99.8</v>
      </c>
      <c r="AH11" s="450">
        <v>-0.2</v>
      </c>
      <c r="AI11" s="450">
        <v>102.9</v>
      </c>
      <c r="AJ11" s="450">
        <v>2.9</v>
      </c>
      <c r="AK11" s="422"/>
    </row>
    <row r="12" spans="1:37" s="454" customFormat="1" ht="14.25" customHeight="1" x14ac:dyDescent="0.15">
      <c r="A12" s="615"/>
      <c r="B12" s="689"/>
      <c r="C12" s="448" t="s">
        <v>226</v>
      </c>
      <c r="D12" s="449" t="s">
        <v>230</v>
      </c>
      <c r="E12" s="452">
        <v>99.1</v>
      </c>
      <c r="F12" s="453">
        <v>-0.7</v>
      </c>
      <c r="G12" s="452">
        <v>110.9</v>
      </c>
      <c r="H12" s="452">
        <v>5.5</v>
      </c>
      <c r="I12" s="452">
        <v>100.3</v>
      </c>
      <c r="J12" s="452">
        <v>-1</v>
      </c>
      <c r="K12" s="452">
        <v>104.3</v>
      </c>
      <c r="L12" s="452">
        <v>3.6</v>
      </c>
      <c r="M12" s="452">
        <v>107.8</v>
      </c>
      <c r="N12" s="452">
        <v>5.0999999999999996</v>
      </c>
      <c r="O12" s="452">
        <v>91.9</v>
      </c>
      <c r="P12" s="452">
        <v>-2.4</v>
      </c>
      <c r="Q12" s="452">
        <v>95.2</v>
      </c>
      <c r="R12" s="452">
        <v>0.1</v>
      </c>
      <c r="S12" s="452">
        <v>98.3</v>
      </c>
      <c r="T12" s="452">
        <v>0.6</v>
      </c>
      <c r="U12" s="452">
        <v>107.4</v>
      </c>
      <c r="V12" s="452">
        <v>1.6</v>
      </c>
      <c r="W12" s="452">
        <v>104.6</v>
      </c>
      <c r="X12" s="452">
        <v>4.4000000000000004</v>
      </c>
      <c r="Y12" s="452">
        <v>123.1</v>
      </c>
      <c r="Z12" s="452">
        <v>13.7</v>
      </c>
      <c r="AA12" s="452">
        <v>98.9</v>
      </c>
      <c r="AB12" s="452">
        <v>-3.7</v>
      </c>
      <c r="AC12" s="452">
        <v>89</v>
      </c>
      <c r="AD12" s="452">
        <v>-14.9</v>
      </c>
      <c r="AE12" s="452">
        <v>101.3</v>
      </c>
      <c r="AF12" s="452">
        <v>6.1</v>
      </c>
      <c r="AG12" s="452">
        <v>96.6</v>
      </c>
      <c r="AH12" s="452">
        <v>-3.2</v>
      </c>
      <c r="AI12" s="452">
        <v>99</v>
      </c>
      <c r="AJ12" s="452">
        <v>-3.8</v>
      </c>
      <c r="AK12" s="196"/>
    </row>
    <row r="13" spans="1:37" s="424" customFormat="1" ht="14.25" customHeight="1" x14ac:dyDescent="0.15">
      <c r="A13" s="615"/>
      <c r="B13" s="689"/>
      <c r="C13" s="448"/>
      <c r="D13" s="449"/>
      <c r="E13" s="452"/>
      <c r="F13" s="453"/>
      <c r="G13" s="452"/>
      <c r="H13" s="452"/>
      <c r="I13" s="452"/>
      <c r="J13" s="452"/>
      <c r="K13" s="452"/>
      <c r="L13" s="452"/>
      <c r="M13" s="452"/>
      <c r="N13" s="452"/>
      <c r="O13" s="452"/>
      <c r="P13" s="452"/>
      <c r="Q13" s="452"/>
      <c r="R13" s="452"/>
      <c r="S13" s="452"/>
      <c r="T13" s="452"/>
      <c r="U13" s="452"/>
      <c r="V13" s="452"/>
      <c r="W13" s="452"/>
      <c r="X13" s="452"/>
      <c r="Y13" s="452"/>
      <c r="Z13" s="452"/>
      <c r="AA13" s="452"/>
      <c r="AB13" s="452"/>
      <c r="AC13" s="452"/>
      <c r="AD13" s="452"/>
      <c r="AE13" s="452"/>
      <c r="AF13" s="452"/>
      <c r="AG13" s="452"/>
      <c r="AH13" s="452"/>
      <c r="AI13" s="452"/>
      <c r="AJ13" s="452"/>
      <c r="AK13" s="422"/>
    </row>
    <row r="14" spans="1:37" s="424" customFormat="1" ht="15" customHeight="1" x14ac:dyDescent="0.15">
      <c r="A14" s="615"/>
      <c r="B14" s="689"/>
      <c r="C14" s="448" t="s">
        <v>207</v>
      </c>
      <c r="D14" s="455" t="s">
        <v>231</v>
      </c>
      <c r="E14" s="450">
        <v>99.1</v>
      </c>
      <c r="F14" s="451">
        <v>-1</v>
      </c>
      <c r="G14" s="450">
        <v>108.6</v>
      </c>
      <c r="H14" s="450">
        <v>2.6</v>
      </c>
      <c r="I14" s="450">
        <v>100.8</v>
      </c>
      <c r="J14" s="450">
        <v>0.2</v>
      </c>
      <c r="K14" s="450">
        <v>104.3</v>
      </c>
      <c r="L14" s="450">
        <v>3.1</v>
      </c>
      <c r="M14" s="450">
        <v>109.8</v>
      </c>
      <c r="N14" s="450">
        <v>4.9000000000000004</v>
      </c>
      <c r="O14" s="450">
        <v>92.7</v>
      </c>
      <c r="P14" s="450">
        <v>-1.1000000000000001</v>
      </c>
      <c r="Q14" s="450">
        <v>92.4</v>
      </c>
      <c r="R14" s="450">
        <v>-4.7</v>
      </c>
      <c r="S14" s="450">
        <v>95.6</v>
      </c>
      <c r="T14" s="450">
        <v>-2.7</v>
      </c>
      <c r="U14" s="450">
        <v>103</v>
      </c>
      <c r="V14" s="450">
        <v>-2.6</v>
      </c>
      <c r="W14" s="450">
        <v>106.2</v>
      </c>
      <c r="X14" s="450">
        <v>7.5</v>
      </c>
      <c r="Y14" s="450">
        <v>126.3</v>
      </c>
      <c r="Z14" s="450">
        <v>20.9</v>
      </c>
      <c r="AA14" s="450">
        <v>104.4</v>
      </c>
      <c r="AB14" s="450">
        <v>-1.8</v>
      </c>
      <c r="AC14" s="450">
        <v>86.6</v>
      </c>
      <c r="AD14" s="450">
        <v>-15.5</v>
      </c>
      <c r="AE14" s="450">
        <v>103.3</v>
      </c>
      <c r="AF14" s="450">
        <v>7.2</v>
      </c>
      <c r="AG14" s="450">
        <v>100.8</v>
      </c>
      <c r="AH14" s="450">
        <v>-0.2</v>
      </c>
      <c r="AI14" s="450">
        <v>98.7</v>
      </c>
      <c r="AJ14" s="450">
        <v>-6.2</v>
      </c>
      <c r="AK14" s="422"/>
    </row>
    <row r="15" spans="1:37" s="454" customFormat="1" ht="15" customHeight="1" x14ac:dyDescent="0.15">
      <c r="A15" s="615"/>
      <c r="B15" s="689"/>
      <c r="C15" s="456" t="s">
        <v>0</v>
      </c>
      <c r="D15" s="455" t="s">
        <v>232</v>
      </c>
      <c r="E15" s="452">
        <v>98.6</v>
      </c>
      <c r="F15" s="453">
        <v>-1.9</v>
      </c>
      <c r="G15" s="452">
        <v>111.6</v>
      </c>
      <c r="H15" s="452">
        <v>4.9000000000000004</v>
      </c>
      <c r="I15" s="452">
        <v>101.5</v>
      </c>
      <c r="J15" s="452">
        <v>0</v>
      </c>
      <c r="K15" s="452">
        <v>102.6</v>
      </c>
      <c r="L15" s="452">
        <v>1.8</v>
      </c>
      <c r="M15" s="452">
        <v>105.7</v>
      </c>
      <c r="N15" s="452">
        <v>0.9</v>
      </c>
      <c r="O15" s="452">
        <v>88.6</v>
      </c>
      <c r="P15" s="452">
        <v>-6.8</v>
      </c>
      <c r="Q15" s="452">
        <v>94.8</v>
      </c>
      <c r="R15" s="452">
        <v>-1.1000000000000001</v>
      </c>
      <c r="S15" s="452">
        <v>102.4</v>
      </c>
      <c r="T15" s="452">
        <v>5.0999999999999996</v>
      </c>
      <c r="U15" s="452">
        <v>108.5</v>
      </c>
      <c r="V15" s="452">
        <v>1.4</v>
      </c>
      <c r="W15" s="452">
        <v>104</v>
      </c>
      <c r="X15" s="452">
        <v>3.4</v>
      </c>
      <c r="Y15" s="452">
        <v>121</v>
      </c>
      <c r="Z15" s="452">
        <v>8.6999999999999993</v>
      </c>
      <c r="AA15" s="452">
        <v>93.8</v>
      </c>
      <c r="AB15" s="452">
        <v>-9.3000000000000007</v>
      </c>
      <c r="AC15" s="452">
        <v>88.2</v>
      </c>
      <c r="AD15" s="452">
        <v>-13.4</v>
      </c>
      <c r="AE15" s="452">
        <v>102.1</v>
      </c>
      <c r="AF15" s="452">
        <v>4.7</v>
      </c>
      <c r="AG15" s="452">
        <v>93.2</v>
      </c>
      <c r="AH15" s="452">
        <v>-6.3</v>
      </c>
      <c r="AI15" s="452">
        <v>97.6</v>
      </c>
      <c r="AJ15" s="452">
        <v>-5.2</v>
      </c>
      <c r="AK15" s="196"/>
    </row>
    <row r="16" spans="1:37" s="424" customFormat="1" ht="15" customHeight="1" x14ac:dyDescent="0.15">
      <c r="A16" s="615"/>
      <c r="B16" s="689"/>
      <c r="C16" s="456" t="s">
        <v>0</v>
      </c>
      <c r="D16" s="455" t="s">
        <v>233</v>
      </c>
      <c r="E16" s="450">
        <v>99.1</v>
      </c>
      <c r="F16" s="451">
        <v>-0.4</v>
      </c>
      <c r="G16" s="450">
        <v>112.4</v>
      </c>
      <c r="H16" s="450">
        <v>6.8</v>
      </c>
      <c r="I16" s="450">
        <v>99.4</v>
      </c>
      <c r="J16" s="450">
        <v>-1.6</v>
      </c>
      <c r="K16" s="450">
        <v>102.5</v>
      </c>
      <c r="L16" s="450">
        <v>2.5</v>
      </c>
      <c r="M16" s="450">
        <v>106.2</v>
      </c>
      <c r="N16" s="450">
        <v>3.6</v>
      </c>
      <c r="O16" s="450">
        <v>86.1</v>
      </c>
      <c r="P16" s="450">
        <v>-5.2</v>
      </c>
      <c r="Q16" s="450">
        <v>98</v>
      </c>
      <c r="R16" s="450">
        <v>1.4</v>
      </c>
      <c r="S16" s="450">
        <v>101.7</v>
      </c>
      <c r="T16" s="450">
        <v>3.6</v>
      </c>
      <c r="U16" s="450">
        <v>103.3</v>
      </c>
      <c r="V16" s="450">
        <v>-0.1</v>
      </c>
      <c r="W16" s="450">
        <v>105.5</v>
      </c>
      <c r="X16" s="450">
        <v>5.0999999999999996</v>
      </c>
      <c r="Y16" s="450">
        <v>126.9</v>
      </c>
      <c r="Z16" s="450">
        <v>18.3</v>
      </c>
      <c r="AA16" s="450">
        <v>96.3</v>
      </c>
      <c r="AB16" s="450">
        <v>-8.4</v>
      </c>
      <c r="AC16" s="450">
        <v>89.7</v>
      </c>
      <c r="AD16" s="450">
        <v>-10.3</v>
      </c>
      <c r="AE16" s="450">
        <v>103</v>
      </c>
      <c r="AF16" s="450">
        <v>8</v>
      </c>
      <c r="AG16" s="450">
        <v>91.6</v>
      </c>
      <c r="AH16" s="450">
        <v>-1.4</v>
      </c>
      <c r="AI16" s="450">
        <v>96.7</v>
      </c>
      <c r="AJ16" s="450">
        <v>-5.4</v>
      </c>
      <c r="AK16" s="422"/>
    </row>
    <row r="17" spans="1:37" s="454" customFormat="1" ht="15" customHeight="1" x14ac:dyDescent="0.15">
      <c r="A17" s="615"/>
      <c r="B17" s="689"/>
      <c r="C17" s="456" t="s">
        <v>0</v>
      </c>
      <c r="D17" s="455" t="s">
        <v>234</v>
      </c>
      <c r="E17" s="452">
        <v>99.6</v>
      </c>
      <c r="F17" s="453">
        <v>0.1</v>
      </c>
      <c r="G17" s="452">
        <v>112.1</v>
      </c>
      <c r="H17" s="452">
        <v>3.8</v>
      </c>
      <c r="I17" s="452">
        <v>99.8</v>
      </c>
      <c r="J17" s="452">
        <v>-2.2999999999999998</v>
      </c>
      <c r="K17" s="452">
        <v>102.6</v>
      </c>
      <c r="L17" s="452">
        <v>1.7</v>
      </c>
      <c r="M17" s="452">
        <v>107.6</v>
      </c>
      <c r="N17" s="452">
        <v>8.5</v>
      </c>
      <c r="O17" s="452">
        <v>89.6</v>
      </c>
      <c r="P17" s="452">
        <v>-4.9000000000000004</v>
      </c>
      <c r="Q17" s="452">
        <v>97.4</v>
      </c>
      <c r="R17" s="452">
        <v>8.1999999999999993</v>
      </c>
      <c r="S17" s="452">
        <v>103.9</v>
      </c>
      <c r="T17" s="452">
        <v>8.1</v>
      </c>
      <c r="U17" s="452">
        <v>113.9</v>
      </c>
      <c r="V17" s="452">
        <v>6.5</v>
      </c>
      <c r="W17" s="452">
        <v>104.1</v>
      </c>
      <c r="X17" s="452">
        <v>3.9</v>
      </c>
      <c r="Y17" s="452">
        <v>128.19999999999999</v>
      </c>
      <c r="Z17" s="452">
        <v>16.399999999999999</v>
      </c>
      <c r="AA17" s="452">
        <v>94.7</v>
      </c>
      <c r="AB17" s="452">
        <v>-9.6</v>
      </c>
      <c r="AC17" s="452">
        <v>89.9</v>
      </c>
      <c r="AD17" s="452">
        <v>-10.5</v>
      </c>
      <c r="AE17" s="452">
        <v>102.5</v>
      </c>
      <c r="AF17" s="452">
        <v>5.3</v>
      </c>
      <c r="AG17" s="452">
        <v>94.3</v>
      </c>
      <c r="AH17" s="452">
        <v>-1.3</v>
      </c>
      <c r="AI17" s="452">
        <v>98.7</v>
      </c>
      <c r="AJ17" s="452">
        <v>-4.5</v>
      </c>
      <c r="AK17" s="196"/>
    </row>
    <row r="18" spans="1:37" s="424" customFormat="1" ht="15" customHeight="1" x14ac:dyDescent="0.15">
      <c r="A18" s="615"/>
      <c r="B18" s="689"/>
      <c r="C18" s="456" t="s">
        <v>0</v>
      </c>
      <c r="D18" s="455" t="s">
        <v>235</v>
      </c>
      <c r="E18" s="450">
        <v>99.1</v>
      </c>
      <c r="F18" s="451">
        <v>-2.2000000000000002</v>
      </c>
      <c r="G18" s="450">
        <v>111.5</v>
      </c>
      <c r="H18" s="450">
        <v>3</v>
      </c>
      <c r="I18" s="450">
        <v>101.3</v>
      </c>
      <c r="J18" s="450">
        <v>-1.4</v>
      </c>
      <c r="K18" s="450">
        <v>104.5</v>
      </c>
      <c r="L18" s="450">
        <v>2.7</v>
      </c>
      <c r="M18" s="450">
        <v>111</v>
      </c>
      <c r="N18" s="450">
        <v>10.1</v>
      </c>
      <c r="O18" s="450">
        <v>89</v>
      </c>
      <c r="P18" s="450">
        <v>-8.1999999999999993</v>
      </c>
      <c r="Q18" s="450">
        <v>98.6</v>
      </c>
      <c r="R18" s="450">
        <v>4.0999999999999996</v>
      </c>
      <c r="S18" s="450">
        <v>101.8</v>
      </c>
      <c r="T18" s="450">
        <v>4</v>
      </c>
      <c r="U18" s="450">
        <v>113</v>
      </c>
      <c r="V18" s="450">
        <v>6.5</v>
      </c>
      <c r="W18" s="450">
        <v>101.7</v>
      </c>
      <c r="X18" s="450">
        <v>1.2</v>
      </c>
      <c r="Y18" s="450">
        <v>117.7</v>
      </c>
      <c r="Z18" s="450">
        <v>1.6</v>
      </c>
      <c r="AA18" s="450">
        <v>95.2</v>
      </c>
      <c r="AB18" s="450">
        <v>-10.7</v>
      </c>
      <c r="AC18" s="450">
        <v>91.5</v>
      </c>
      <c r="AD18" s="450">
        <v>-15.8</v>
      </c>
      <c r="AE18" s="450">
        <v>99.9</v>
      </c>
      <c r="AF18" s="450">
        <v>3.8</v>
      </c>
      <c r="AG18" s="450">
        <v>96.7</v>
      </c>
      <c r="AH18" s="450">
        <v>-6.5</v>
      </c>
      <c r="AI18" s="450">
        <v>97.7</v>
      </c>
      <c r="AJ18" s="450">
        <v>-6.2</v>
      </c>
      <c r="AK18" s="422"/>
    </row>
    <row r="19" spans="1:37" s="454" customFormat="1" ht="15" customHeight="1" x14ac:dyDescent="0.15">
      <c r="A19" s="615"/>
      <c r="B19" s="689"/>
      <c r="C19" s="456" t="s">
        <v>0</v>
      </c>
      <c r="D19" s="455" t="s">
        <v>236</v>
      </c>
      <c r="E19" s="452">
        <v>99.9</v>
      </c>
      <c r="F19" s="453">
        <v>-0.3</v>
      </c>
      <c r="G19" s="452">
        <v>114.4</v>
      </c>
      <c r="H19" s="452">
        <v>5.4</v>
      </c>
      <c r="I19" s="452">
        <v>100.2</v>
      </c>
      <c r="J19" s="452">
        <v>-3.2</v>
      </c>
      <c r="K19" s="452">
        <v>104.6</v>
      </c>
      <c r="L19" s="452">
        <v>3</v>
      </c>
      <c r="M19" s="452">
        <v>111.5</v>
      </c>
      <c r="N19" s="452">
        <v>10.3</v>
      </c>
      <c r="O19" s="452">
        <v>90.8</v>
      </c>
      <c r="P19" s="452">
        <v>-1.9</v>
      </c>
      <c r="Q19" s="452">
        <v>99.1</v>
      </c>
      <c r="R19" s="452">
        <v>6.8</v>
      </c>
      <c r="S19" s="452">
        <v>100.9</v>
      </c>
      <c r="T19" s="452">
        <v>3</v>
      </c>
      <c r="U19" s="452">
        <v>115.9</v>
      </c>
      <c r="V19" s="452">
        <v>5.2</v>
      </c>
      <c r="W19" s="452">
        <v>107.2</v>
      </c>
      <c r="X19" s="452">
        <v>5.8</v>
      </c>
      <c r="Y19" s="452">
        <v>117.9</v>
      </c>
      <c r="Z19" s="452">
        <v>2.5</v>
      </c>
      <c r="AA19" s="452">
        <v>99.7</v>
      </c>
      <c r="AB19" s="452">
        <v>-3.9</v>
      </c>
      <c r="AC19" s="452">
        <v>91.7</v>
      </c>
      <c r="AD19" s="452">
        <v>-10.4</v>
      </c>
      <c r="AE19" s="452">
        <v>98.9</v>
      </c>
      <c r="AF19" s="452">
        <v>3.1</v>
      </c>
      <c r="AG19" s="452">
        <v>95.6</v>
      </c>
      <c r="AH19" s="452">
        <v>-3.3</v>
      </c>
      <c r="AI19" s="452">
        <v>99.2</v>
      </c>
      <c r="AJ19" s="452">
        <v>-4.5</v>
      </c>
      <c r="AK19" s="196"/>
    </row>
    <row r="20" spans="1:37" s="424" customFormat="1" ht="15" customHeight="1" x14ac:dyDescent="0.15">
      <c r="A20" s="615"/>
      <c r="B20" s="689"/>
      <c r="C20" s="456" t="s">
        <v>0</v>
      </c>
      <c r="D20" s="455" t="s">
        <v>237</v>
      </c>
      <c r="E20" s="450">
        <v>100.1</v>
      </c>
      <c r="F20" s="451">
        <v>-0.3</v>
      </c>
      <c r="G20" s="450">
        <v>111.4</v>
      </c>
      <c r="H20" s="450">
        <v>5.4</v>
      </c>
      <c r="I20" s="450">
        <v>101.9</v>
      </c>
      <c r="J20" s="450">
        <v>-0.8</v>
      </c>
      <c r="K20" s="450">
        <v>103.2</v>
      </c>
      <c r="L20" s="450">
        <v>0</v>
      </c>
      <c r="M20" s="450">
        <v>109.4</v>
      </c>
      <c r="N20" s="450">
        <v>8.5</v>
      </c>
      <c r="O20" s="450">
        <v>91.8</v>
      </c>
      <c r="P20" s="450">
        <v>-7.9</v>
      </c>
      <c r="Q20" s="450">
        <v>98.5</v>
      </c>
      <c r="R20" s="450">
        <v>5.6</v>
      </c>
      <c r="S20" s="450">
        <v>101.9</v>
      </c>
      <c r="T20" s="450">
        <v>4.3</v>
      </c>
      <c r="U20" s="450">
        <v>114</v>
      </c>
      <c r="V20" s="450">
        <v>7.6</v>
      </c>
      <c r="W20" s="450">
        <v>105.5</v>
      </c>
      <c r="X20" s="450">
        <v>4</v>
      </c>
      <c r="Y20" s="450">
        <v>132.6</v>
      </c>
      <c r="Z20" s="450">
        <v>11.1</v>
      </c>
      <c r="AA20" s="450">
        <v>99.9</v>
      </c>
      <c r="AB20" s="450">
        <v>-2.6</v>
      </c>
      <c r="AC20" s="450">
        <v>89.6</v>
      </c>
      <c r="AD20" s="450">
        <v>-11.8</v>
      </c>
      <c r="AE20" s="450">
        <v>98.1</v>
      </c>
      <c r="AF20" s="450">
        <v>3</v>
      </c>
      <c r="AG20" s="450">
        <v>97.2</v>
      </c>
      <c r="AH20" s="450">
        <v>-4.5</v>
      </c>
      <c r="AI20" s="450">
        <v>100.4</v>
      </c>
      <c r="AJ20" s="450">
        <v>-4.3</v>
      </c>
      <c r="AK20" s="422"/>
    </row>
    <row r="21" spans="1:37" s="454" customFormat="1" ht="15" customHeight="1" x14ac:dyDescent="0.15">
      <c r="A21" s="615"/>
      <c r="B21" s="689"/>
      <c r="C21" s="456" t="s">
        <v>238</v>
      </c>
      <c r="D21" s="455" t="s">
        <v>239</v>
      </c>
      <c r="E21" s="452">
        <v>100</v>
      </c>
      <c r="F21" s="453">
        <v>2.8</v>
      </c>
      <c r="G21" s="452">
        <v>110.3</v>
      </c>
      <c r="H21" s="452">
        <v>4.9000000000000004</v>
      </c>
      <c r="I21" s="452">
        <v>106.5</v>
      </c>
      <c r="J21" s="452">
        <v>7.9</v>
      </c>
      <c r="K21" s="452">
        <v>103.4</v>
      </c>
      <c r="L21" s="452">
        <v>-1.9</v>
      </c>
      <c r="M21" s="452">
        <v>109.2</v>
      </c>
      <c r="N21" s="452">
        <v>6.5</v>
      </c>
      <c r="O21" s="452">
        <v>92.9</v>
      </c>
      <c r="P21" s="452">
        <v>-3</v>
      </c>
      <c r="Q21" s="452">
        <v>100.1</v>
      </c>
      <c r="R21" s="452">
        <v>9.6</v>
      </c>
      <c r="S21" s="452">
        <v>97.5</v>
      </c>
      <c r="T21" s="452">
        <v>3.7</v>
      </c>
      <c r="U21" s="452">
        <v>110.5</v>
      </c>
      <c r="V21" s="452">
        <v>10</v>
      </c>
      <c r="W21" s="452">
        <v>99.8</v>
      </c>
      <c r="X21" s="452">
        <v>-2.8</v>
      </c>
      <c r="Y21" s="452">
        <v>145.4</v>
      </c>
      <c r="Z21" s="452">
        <v>20.7</v>
      </c>
      <c r="AA21" s="452">
        <v>95.3</v>
      </c>
      <c r="AB21" s="452">
        <v>-3.1</v>
      </c>
      <c r="AC21" s="452">
        <v>91.1</v>
      </c>
      <c r="AD21" s="452">
        <v>2.1</v>
      </c>
      <c r="AE21" s="452">
        <v>98.3</v>
      </c>
      <c r="AF21" s="452">
        <v>-2.6</v>
      </c>
      <c r="AG21" s="452">
        <v>95.1</v>
      </c>
      <c r="AH21" s="452">
        <v>-5.2</v>
      </c>
      <c r="AI21" s="452">
        <v>88.9</v>
      </c>
      <c r="AJ21" s="452">
        <v>-8.9</v>
      </c>
      <c r="AK21" s="196"/>
    </row>
    <row r="22" spans="1:37" s="424" customFormat="1" ht="15" customHeight="1" x14ac:dyDescent="0.15">
      <c r="A22" s="615"/>
      <c r="B22" s="689"/>
      <c r="C22" s="456" t="s">
        <v>0</v>
      </c>
      <c r="D22" s="455" t="s">
        <v>240</v>
      </c>
      <c r="E22" s="450">
        <v>100.9</v>
      </c>
      <c r="F22" s="451">
        <v>3.3</v>
      </c>
      <c r="G22" s="450">
        <v>115.1</v>
      </c>
      <c r="H22" s="450">
        <v>5.3</v>
      </c>
      <c r="I22" s="450">
        <v>107.5</v>
      </c>
      <c r="J22" s="450">
        <v>8.5</v>
      </c>
      <c r="K22" s="450">
        <v>103.1</v>
      </c>
      <c r="L22" s="450">
        <v>-1.2</v>
      </c>
      <c r="M22" s="450">
        <v>109.6</v>
      </c>
      <c r="N22" s="450">
        <v>5.2</v>
      </c>
      <c r="O22" s="450">
        <v>91.6</v>
      </c>
      <c r="P22" s="450">
        <v>-3.3</v>
      </c>
      <c r="Q22" s="450">
        <v>100</v>
      </c>
      <c r="R22" s="450">
        <v>8.5</v>
      </c>
      <c r="S22" s="450">
        <v>95.3</v>
      </c>
      <c r="T22" s="450">
        <v>2</v>
      </c>
      <c r="U22" s="450">
        <v>109</v>
      </c>
      <c r="V22" s="450">
        <v>8</v>
      </c>
      <c r="W22" s="450">
        <v>101.3</v>
      </c>
      <c r="X22" s="450">
        <v>-2.5</v>
      </c>
      <c r="Y22" s="450">
        <v>124.5</v>
      </c>
      <c r="Z22" s="450">
        <v>8.4</v>
      </c>
      <c r="AA22" s="450">
        <v>96.4</v>
      </c>
      <c r="AB22" s="450">
        <v>-2.6</v>
      </c>
      <c r="AC22" s="450">
        <v>92.2</v>
      </c>
      <c r="AD22" s="450">
        <v>6.3</v>
      </c>
      <c r="AE22" s="450">
        <v>100.4</v>
      </c>
      <c r="AF22" s="450">
        <v>-0.2</v>
      </c>
      <c r="AG22" s="450">
        <v>97.2</v>
      </c>
      <c r="AH22" s="450">
        <v>-1.6</v>
      </c>
      <c r="AI22" s="450">
        <v>98.6</v>
      </c>
      <c r="AJ22" s="450">
        <v>-1.5</v>
      </c>
      <c r="AK22" s="422"/>
    </row>
    <row r="23" spans="1:37" s="454" customFormat="1" ht="15" customHeight="1" x14ac:dyDescent="0.15">
      <c r="A23" s="615"/>
      <c r="B23" s="689"/>
      <c r="C23" s="456" t="s">
        <v>0</v>
      </c>
      <c r="D23" s="455" t="s">
        <v>241</v>
      </c>
      <c r="E23" s="452">
        <v>101.5</v>
      </c>
      <c r="F23" s="453">
        <v>2.6</v>
      </c>
      <c r="G23" s="452">
        <v>111.5</v>
      </c>
      <c r="H23" s="452">
        <v>-1.1000000000000001</v>
      </c>
      <c r="I23" s="452">
        <v>109.8</v>
      </c>
      <c r="J23" s="452">
        <v>9.6999999999999993</v>
      </c>
      <c r="K23" s="452">
        <v>105</v>
      </c>
      <c r="L23" s="452">
        <v>-3.8</v>
      </c>
      <c r="M23" s="452">
        <v>110.3</v>
      </c>
      <c r="N23" s="452">
        <v>3.6</v>
      </c>
      <c r="O23" s="452">
        <v>93</v>
      </c>
      <c r="P23" s="452">
        <v>-2.1</v>
      </c>
      <c r="Q23" s="452">
        <v>98.2</v>
      </c>
      <c r="R23" s="452">
        <v>6.5</v>
      </c>
      <c r="S23" s="452">
        <v>98.1</v>
      </c>
      <c r="T23" s="452">
        <v>4.8</v>
      </c>
      <c r="U23" s="452">
        <v>113.8</v>
      </c>
      <c r="V23" s="452">
        <v>10.4</v>
      </c>
      <c r="W23" s="452">
        <v>102</v>
      </c>
      <c r="X23" s="452">
        <v>-2.1</v>
      </c>
      <c r="Y23" s="452">
        <v>133.30000000000001</v>
      </c>
      <c r="Z23" s="452">
        <v>11.6</v>
      </c>
      <c r="AA23" s="452">
        <v>100</v>
      </c>
      <c r="AB23" s="452">
        <v>-0.7</v>
      </c>
      <c r="AC23" s="452">
        <v>93.5</v>
      </c>
      <c r="AD23" s="452">
        <v>5.2</v>
      </c>
      <c r="AE23" s="452">
        <v>100.3</v>
      </c>
      <c r="AF23" s="452">
        <v>-0.9</v>
      </c>
      <c r="AG23" s="452">
        <v>98.6</v>
      </c>
      <c r="AH23" s="452">
        <v>2.6</v>
      </c>
      <c r="AI23" s="452">
        <v>99.4</v>
      </c>
      <c r="AJ23" s="452">
        <v>-3.7</v>
      </c>
      <c r="AK23" s="196"/>
    </row>
    <row r="24" spans="1:37" s="424" customFormat="1" ht="15" customHeight="1" x14ac:dyDescent="0.15">
      <c r="A24" s="615"/>
      <c r="B24" s="689"/>
      <c r="C24" s="456" t="s">
        <v>0</v>
      </c>
      <c r="D24" s="455" t="s">
        <v>242</v>
      </c>
      <c r="E24" s="450">
        <v>103.4</v>
      </c>
      <c r="F24" s="451">
        <v>2.4</v>
      </c>
      <c r="G24" s="450">
        <v>110.2</v>
      </c>
      <c r="H24" s="450">
        <v>-2.5</v>
      </c>
      <c r="I24" s="450">
        <v>109.2</v>
      </c>
      <c r="J24" s="450">
        <v>6.6</v>
      </c>
      <c r="K24" s="450">
        <v>104.1</v>
      </c>
      <c r="L24" s="450">
        <v>-0.3</v>
      </c>
      <c r="M24" s="450">
        <v>114.4</v>
      </c>
      <c r="N24" s="450">
        <v>2.5</v>
      </c>
      <c r="O24" s="450">
        <v>97.8</v>
      </c>
      <c r="P24" s="450">
        <v>0.2</v>
      </c>
      <c r="Q24" s="450">
        <v>101.5</v>
      </c>
      <c r="R24" s="450">
        <v>8.1</v>
      </c>
      <c r="S24" s="450">
        <v>92.6</v>
      </c>
      <c r="T24" s="450">
        <v>-2.7</v>
      </c>
      <c r="U24" s="450">
        <v>117</v>
      </c>
      <c r="V24" s="450">
        <v>9.9</v>
      </c>
      <c r="W24" s="450">
        <v>103.4</v>
      </c>
      <c r="X24" s="450">
        <v>-3.4</v>
      </c>
      <c r="Y24" s="450">
        <v>145.80000000000001</v>
      </c>
      <c r="Z24" s="450">
        <v>16.7</v>
      </c>
      <c r="AA24" s="450">
        <v>106.5</v>
      </c>
      <c r="AB24" s="450">
        <v>2.2999999999999998</v>
      </c>
      <c r="AC24" s="450">
        <v>92.5</v>
      </c>
      <c r="AD24" s="450">
        <v>5</v>
      </c>
      <c r="AE24" s="450">
        <v>103.1</v>
      </c>
      <c r="AF24" s="450">
        <v>-0.6</v>
      </c>
      <c r="AG24" s="450">
        <v>96.9</v>
      </c>
      <c r="AH24" s="450">
        <v>-0.6</v>
      </c>
      <c r="AI24" s="450">
        <v>97.9</v>
      </c>
      <c r="AJ24" s="450">
        <v>-3.5</v>
      </c>
      <c r="AK24" s="422"/>
    </row>
    <row r="25" spans="1:37" s="454" customFormat="1" ht="15" customHeight="1" x14ac:dyDescent="0.15">
      <c r="A25" s="615"/>
      <c r="B25" s="689"/>
      <c r="C25" s="456" t="s">
        <v>0</v>
      </c>
      <c r="D25" s="455" t="s">
        <v>243</v>
      </c>
      <c r="E25" s="452">
        <v>101.9</v>
      </c>
      <c r="F25" s="453">
        <v>3.7</v>
      </c>
      <c r="G25" s="452">
        <v>111.1</v>
      </c>
      <c r="H25" s="452">
        <v>2.8</v>
      </c>
      <c r="I25" s="452">
        <v>107.8</v>
      </c>
      <c r="J25" s="452">
        <v>9.3000000000000007</v>
      </c>
      <c r="K25" s="452">
        <v>102.5</v>
      </c>
      <c r="L25" s="452">
        <v>-1.8</v>
      </c>
      <c r="M25" s="452">
        <v>111.3</v>
      </c>
      <c r="N25" s="452">
        <v>3.2</v>
      </c>
      <c r="O25" s="452">
        <v>95.1</v>
      </c>
      <c r="P25" s="452">
        <v>4.3</v>
      </c>
      <c r="Q25" s="452">
        <v>102.2</v>
      </c>
      <c r="R25" s="452">
        <v>8.8000000000000007</v>
      </c>
      <c r="S25" s="452">
        <v>96.5</v>
      </c>
      <c r="T25" s="452">
        <v>1.2</v>
      </c>
      <c r="U25" s="452">
        <v>111.2</v>
      </c>
      <c r="V25" s="452">
        <v>4.3</v>
      </c>
      <c r="W25" s="452">
        <v>101.4</v>
      </c>
      <c r="X25" s="452">
        <v>-1.4</v>
      </c>
      <c r="Y25" s="452">
        <v>143.5</v>
      </c>
      <c r="Z25" s="452">
        <v>13.5</v>
      </c>
      <c r="AA25" s="452">
        <v>104</v>
      </c>
      <c r="AB25" s="452">
        <v>2.9</v>
      </c>
      <c r="AC25" s="452">
        <v>90</v>
      </c>
      <c r="AD25" s="452">
        <v>2.7</v>
      </c>
      <c r="AE25" s="452">
        <v>99.9</v>
      </c>
      <c r="AF25" s="452">
        <v>-1</v>
      </c>
      <c r="AG25" s="452">
        <v>97</v>
      </c>
      <c r="AH25" s="452">
        <v>-0.5</v>
      </c>
      <c r="AI25" s="452">
        <v>96.5</v>
      </c>
      <c r="AJ25" s="452">
        <v>-0.6</v>
      </c>
      <c r="AK25" s="196"/>
    </row>
    <row r="26" spans="1:37" s="424" customFormat="1" ht="14.25" customHeight="1" x14ac:dyDescent="0.15">
      <c r="A26" s="615"/>
      <c r="B26" s="689"/>
      <c r="C26" s="448"/>
      <c r="D26" s="455"/>
      <c r="E26" s="452"/>
      <c r="F26" s="453"/>
      <c r="G26" s="452"/>
      <c r="H26" s="452"/>
      <c r="I26" s="452"/>
      <c r="J26" s="452"/>
      <c r="K26" s="452"/>
      <c r="L26" s="452"/>
      <c r="M26" s="452"/>
      <c r="N26" s="452"/>
      <c r="O26" s="452"/>
      <c r="P26" s="452"/>
      <c r="Q26" s="452"/>
      <c r="R26" s="452"/>
      <c r="S26" s="452"/>
      <c r="T26" s="452"/>
      <c r="U26" s="452"/>
      <c r="V26" s="452"/>
      <c r="W26" s="452"/>
      <c r="X26" s="452"/>
      <c r="Y26" s="452"/>
      <c r="Z26" s="452"/>
      <c r="AA26" s="452"/>
      <c r="AB26" s="452"/>
      <c r="AC26" s="452"/>
      <c r="AD26" s="452"/>
      <c r="AE26" s="452"/>
      <c r="AF26" s="452"/>
      <c r="AG26" s="452"/>
      <c r="AH26" s="452"/>
      <c r="AI26" s="493"/>
      <c r="AJ26" s="452"/>
      <c r="AK26" s="422"/>
    </row>
    <row r="27" spans="1:37" s="424" customFormat="1" ht="14.25" customHeight="1" x14ac:dyDescent="0.15">
      <c r="A27" s="615"/>
      <c r="B27" s="689"/>
      <c r="C27" s="448" t="s">
        <v>238</v>
      </c>
      <c r="D27" s="455" t="s">
        <v>231</v>
      </c>
      <c r="E27" s="450">
        <v>103</v>
      </c>
      <c r="F27" s="451">
        <v>3.9</v>
      </c>
      <c r="G27" s="450">
        <v>112.1</v>
      </c>
      <c r="H27" s="450">
        <v>3.2</v>
      </c>
      <c r="I27" s="450">
        <v>111.8</v>
      </c>
      <c r="J27" s="450">
        <v>10.9</v>
      </c>
      <c r="K27" s="450">
        <v>103.3</v>
      </c>
      <c r="L27" s="450">
        <v>-1</v>
      </c>
      <c r="M27" s="450">
        <v>109.9</v>
      </c>
      <c r="N27" s="450">
        <v>0.1</v>
      </c>
      <c r="O27" s="450">
        <v>97</v>
      </c>
      <c r="P27" s="450">
        <v>4.5999999999999996</v>
      </c>
      <c r="Q27" s="450">
        <v>102.9</v>
      </c>
      <c r="R27" s="450">
        <v>11.4</v>
      </c>
      <c r="S27" s="450">
        <v>99</v>
      </c>
      <c r="T27" s="450">
        <v>3.6</v>
      </c>
      <c r="U27" s="450">
        <v>114.2</v>
      </c>
      <c r="V27" s="450">
        <v>10.9</v>
      </c>
      <c r="W27" s="450">
        <v>103.3</v>
      </c>
      <c r="X27" s="450">
        <v>-2.7</v>
      </c>
      <c r="Y27" s="450">
        <v>145.69999999999999</v>
      </c>
      <c r="Z27" s="450">
        <v>15.4</v>
      </c>
      <c r="AA27" s="450">
        <v>101.7</v>
      </c>
      <c r="AB27" s="450">
        <v>-2.6</v>
      </c>
      <c r="AC27" s="450">
        <v>87.5</v>
      </c>
      <c r="AD27" s="450">
        <v>1</v>
      </c>
      <c r="AE27" s="450">
        <v>101.5</v>
      </c>
      <c r="AF27" s="450">
        <v>-1.7</v>
      </c>
      <c r="AG27" s="450">
        <v>99</v>
      </c>
      <c r="AH27" s="450">
        <v>-1.8</v>
      </c>
      <c r="AI27" s="450">
        <v>99.2</v>
      </c>
      <c r="AJ27" s="450">
        <v>0.5</v>
      </c>
      <c r="AK27" s="422"/>
    </row>
    <row r="28" spans="1:37" s="424" customFormat="1" ht="11.25" customHeight="1" x14ac:dyDescent="0.15">
      <c r="A28" s="615"/>
      <c r="B28" s="690"/>
      <c r="C28" s="457"/>
      <c r="D28" s="458"/>
      <c r="E28" s="452"/>
      <c r="F28" s="453"/>
      <c r="G28" s="452"/>
      <c r="H28" s="452"/>
      <c r="I28" s="452"/>
      <c r="J28" s="452"/>
      <c r="K28" s="452"/>
      <c r="L28" s="452"/>
      <c r="M28" s="452"/>
      <c r="N28" s="452"/>
      <c r="O28" s="452"/>
      <c r="P28" s="452"/>
      <c r="Q28" s="452"/>
      <c r="R28" s="452"/>
      <c r="S28" s="452"/>
      <c r="T28" s="452"/>
      <c r="U28" s="452"/>
      <c r="V28" s="452"/>
      <c r="W28" s="452"/>
      <c r="X28" s="452"/>
      <c r="Y28" s="452"/>
      <c r="Z28" s="452"/>
      <c r="AA28" s="452"/>
      <c r="AB28" s="452"/>
      <c r="AC28" s="452"/>
      <c r="AD28" s="452"/>
      <c r="AE28" s="452"/>
      <c r="AF28" s="452"/>
      <c r="AG28" s="452"/>
      <c r="AH28" s="452"/>
      <c r="AI28" s="452"/>
      <c r="AJ28" s="452"/>
      <c r="AK28" s="422"/>
    </row>
    <row r="29" spans="1:37" s="424" customFormat="1" ht="11.25" customHeight="1" x14ac:dyDescent="0.15">
      <c r="A29" s="615"/>
      <c r="B29" s="459"/>
      <c r="C29" s="460"/>
      <c r="D29" s="461"/>
      <c r="E29" s="462"/>
      <c r="F29" s="463"/>
      <c r="G29" s="462"/>
      <c r="H29" s="462"/>
      <c r="I29" s="462"/>
      <c r="J29" s="462"/>
      <c r="K29" s="462"/>
      <c r="L29" s="462"/>
      <c r="M29" s="462"/>
      <c r="N29" s="462"/>
      <c r="O29" s="462"/>
      <c r="P29" s="462"/>
      <c r="Q29" s="462"/>
      <c r="R29" s="462"/>
      <c r="S29" s="462"/>
      <c r="T29" s="462"/>
      <c r="U29" s="462"/>
      <c r="V29" s="462"/>
      <c r="W29" s="462"/>
      <c r="X29" s="462"/>
      <c r="Y29" s="462"/>
      <c r="Z29" s="462"/>
      <c r="AA29" s="462"/>
      <c r="AB29" s="462"/>
      <c r="AC29" s="462"/>
      <c r="AD29" s="462"/>
      <c r="AE29" s="462"/>
      <c r="AF29" s="462"/>
      <c r="AG29" s="462"/>
      <c r="AH29" s="462"/>
      <c r="AI29" s="462"/>
      <c r="AJ29" s="462"/>
      <c r="AK29" s="422"/>
    </row>
    <row r="30" spans="1:37" s="424" customFormat="1" ht="14.25" customHeight="1" x14ac:dyDescent="0.15">
      <c r="A30" s="615"/>
      <c r="B30" s="472"/>
      <c r="C30" s="448" t="s">
        <v>226</v>
      </c>
      <c r="D30" s="449" t="s">
        <v>227</v>
      </c>
      <c r="E30" s="450">
        <v>102.9</v>
      </c>
      <c r="F30" s="451">
        <v>-0.9</v>
      </c>
      <c r="G30" s="450">
        <v>100.8</v>
      </c>
      <c r="H30" s="450">
        <v>6.9</v>
      </c>
      <c r="I30" s="450">
        <v>102.6</v>
      </c>
      <c r="J30" s="450">
        <v>-0.8</v>
      </c>
      <c r="K30" s="450">
        <v>105.3</v>
      </c>
      <c r="L30" s="450">
        <v>1.4</v>
      </c>
      <c r="M30" s="450">
        <v>104.1</v>
      </c>
      <c r="N30" s="450">
        <v>-11.3</v>
      </c>
      <c r="O30" s="450">
        <v>100.6</v>
      </c>
      <c r="P30" s="450">
        <v>9.1</v>
      </c>
      <c r="Q30" s="450">
        <v>102.8</v>
      </c>
      <c r="R30" s="450">
        <v>-1.1000000000000001</v>
      </c>
      <c r="S30" s="450">
        <v>107.6</v>
      </c>
      <c r="T30" s="450">
        <v>-3.1</v>
      </c>
      <c r="U30" s="450">
        <v>104</v>
      </c>
      <c r="V30" s="450">
        <v>5.4</v>
      </c>
      <c r="W30" s="450">
        <v>101.3</v>
      </c>
      <c r="X30" s="450">
        <v>-1.7</v>
      </c>
      <c r="Y30" s="450">
        <v>104.4</v>
      </c>
      <c r="Z30" s="450">
        <v>4</v>
      </c>
      <c r="AA30" s="450">
        <v>101.7</v>
      </c>
      <c r="AB30" s="450">
        <v>-0.3</v>
      </c>
      <c r="AC30" s="450">
        <v>95</v>
      </c>
      <c r="AD30" s="450">
        <v>-2.1</v>
      </c>
      <c r="AE30" s="450">
        <v>106.6</v>
      </c>
      <c r="AF30" s="450">
        <v>0.8</v>
      </c>
      <c r="AG30" s="450">
        <v>108.9</v>
      </c>
      <c r="AH30" s="450">
        <v>2.5</v>
      </c>
      <c r="AI30" s="450">
        <v>106</v>
      </c>
      <c r="AJ30" s="450">
        <v>-3.4</v>
      </c>
      <c r="AK30" s="422"/>
    </row>
    <row r="31" spans="1:37" s="454" customFormat="1" ht="14.25" customHeight="1" x14ac:dyDescent="0.15">
      <c r="A31" s="615"/>
      <c r="B31" s="479"/>
      <c r="C31" s="448" t="s">
        <v>226</v>
      </c>
      <c r="D31" s="449" t="s">
        <v>228</v>
      </c>
      <c r="E31" s="452">
        <v>100</v>
      </c>
      <c r="F31" s="453">
        <v>-2.8</v>
      </c>
      <c r="G31" s="452">
        <v>100</v>
      </c>
      <c r="H31" s="452">
        <v>-0.8</v>
      </c>
      <c r="I31" s="452">
        <v>100</v>
      </c>
      <c r="J31" s="452">
        <v>-2.5</v>
      </c>
      <c r="K31" s="452">
        <v>100</v>
      </c>
      <c r="L31" s="452">
        <v>-5.0999999999999996</v>
      </c>
      <c r="M31" s="452">
        <v>100</v>
      </c>
      <c r="N31" s="452">
        <v>-4</v>
      </c>
      <c r="O31" s="452">
        <v>100</v>
      </c>
      <c r="P31" s="452">
        <v>-0.6</v>
      </c>
      <c r="Q31" s="452">
        <v>100</v>
      </c>
      <c r="R31" s="452">
        <v>-2.7</v>
      </c>
      <c r="S31" s="452">
        <v>100</v>
      </c>
      <c r="T31" s="452">
        <v>-7</v>
      </c>
      <c r="U31" s="452">
        <v>100</v>
      </c>
      <c r="V31" s="452">
        <v>-3.9</v>
      </c>
      <c r="W31" s="452">
        <v>100</v>
      </c>
      <c r="X31" s="452">
        <v>-1.3</v>
      </c>
      <c r="Y31" s="452">
        <v>100</v>
      </c>
      <c r="Z31" s="452">
        <v>-4.3</v>
      </c>
      <c r="AA31" s="452">
        <v>100</v>
      </c>
      <c r="AB31" s="452">
        <v>-1.6</v>
      </c>
      <c r="AC31" s="452">
        <v>100</v>
      </c>
      <c r="AD31" s="452">
        <v>5.3</v>
      </c>
      <c r="AE31" s="452">
        <v>100</v>
      </c>
      <c r="AF31" s="452">
        <v>-6.2</v>
      </c>
      <c r="AG31" s="452">
        <v>100</v>
      </c>
      <c r="AH31" s="452">
        <v>-8.1999999999999993</v>
      </c>
      <c r="AI31" s="452">
        <v>100</v>
      </c>
      <c r="AJ31" s="452">
        <v>-5.6</v>
      </c>
      <c r="AK31" s="196"/>
    </row>
    <row r="32" spans="1:37" s="424" customFormat="1" ht="14.25" customHeight="1" x14ac:dyDescent="0.15">
      <c r="A32" s="615"/>
      <c r="B32" s="472"/>
      <c r="C32" s="448" t="s">
        <v>226</v>
      </c>
      <c r="D32" s="449" t="s">
        <v>229</v>
      </c>
      <c r="E32" s="450">
        <v>99.7</v>
      </c>
      <c r="F32" s="451">
        <v>-0.3</v>
      </c>
      <c r="G32" s="450">
        <v>105.4</v>
      </c>
      <c r="H32" s="450">
        <v>5.4</v>
      </c>
      <c r="I32" s="450">
        <v>102.8</v>
      </c>
      <c r="J32" s="450">
        <v>2.8</v>
      </c>
      <c r="K32" s="450">
        <v>95.6</v>
      </c>
      <c r="L32" s="450">
        <v>-4.5</v>
      </c>
      <c r="M32" s="450">
        <v>106.9</v>
      </c>
      <c r="N32" s="450">
        <v>6.9</v>
      </c>
      <c r="O32" s="450">
        <v>90.8</v>
      </c>
      <c r="P32" s="450">
        <v>-9.1999999999999993</v>
      </c>
      <c r="Q32" s="450">
        <v>97.2</v>
      </c>
      <c r="R32" s="450">
        <v>-2.8</v>
      </c>
      <c r="S32" s="450">
        <v>98.5</v>
      </c>
      <c r="T32" s="450">
        <v>-1.5</v>
      </c>
      <c r="U32" s="450">
        <v>107</v>
      </c>
      <c r="V32" s="450">
        <v>7.1</v>
      </c>
      <c r="W32" s="450">
        <v>103.4</v>
      </c>
      <c r="X32" s="450">
        <v>3.4</v>
      </c>
      <c r="Y32" s="450">
        <v>111.3</v>
      </c>
      <c r="Z32" s="450">
        <v>11.4</v>
      </c>
      <c r="AA32" s="450">
        <v>94.4</v>
      </c>
      <c r="AB32" s="450">
        <v>-5.6</v>
      </c>
      <c r="AC32" s="450">
        <v>102.9</v>
      </c>
      <c r="AD32" s="450">
        <v>3</v>
      </c>
      <c r="AE32" s="450">
        <v>94.5</v>
      </c>
      <c r="AF32" s="450">
        <v>-5.6</v>
      </c>
      <c r="AG32" s="450">
        <v>97.6</v>
      </c>
      <c r="AH32" s="450">
        <v>-2.4</v>
      </c>
      <c r="AI32" s="450">
        <v>100</v>
      </c>
      <c r="AJ32" s="450">
        <v>0</v>
      </c>
      <c r="AK32" s="422"/>
    </row>
    <row r="33" spans="1:37" s="454" customFormat="1" ht="14.25" customHeight="1" x14ac:dyDescent="0.15">
      <c r="A33" s="615"/>
      <c r="B33" s="479"/>
      <c r="C33" s="448" t="s">
        <v>226</v>
      </c>
      <c r="D33" s="449" t="s">
        <v>230</v>
      </c>
      <c r="E33" s="452">
        <v>98.2</v>
      </c>
      <c r="F33" s="453">
        <v>-1.5</v>
      </c>
      <c r="G33" s="452">
        <v>105.5</v>
      </c>
      <c r="H33" s="452">
        <v>0.1</v>
      </c>
      <c r="I33" s="452">
        <v>98.1</v>
      </c>
      <c r="J33" s="452">
        <v>-4.5999999999999996</v>
      </c>
      <c r="K33" s="452">
        <v>102.3</v>
      </c>
      <c r="L33" s="452">
        <v>7</v>
      </c>
      <c r="M33" s="452">
        <v>110.2</v>
      </c>
      <c r="N33" s="452">
        <v>3.1</v>
      </c>
      <c r="O33" s="452">
        <v>85.8</v>
      </c>
      <c r="P33" s="452">
        <v>-5.5</v>
      </c>
      <c r="Q33" s="452">
        <v>97.1</v>
      </c>
      <c r="R33" s="452">
        <v>-0.1</v>
      </c>
      <c r="S33" s="452">
        <v>94.9</v>
      </c>
      <c r="T33" s="452">
        <v>-3.7</v>
      </c>
      <c r="U33" s="452">
        <v>117.2</v>
      </c>
      <c r="V33" s="452">
        <v>9.5</v>
      </c>
      <c r="W33" s="452">
        <v>105.4</v>
      </c>
      <c r="X33" s="452">
        <v>1.9</v>
      </c>
      <c r="Y33" s="452">
        <v>130</v>
      </c>
      <c r="Z33" s="452">
        <v>16.8</v>
      </c>
      <c r="AA33" s="452">
        <v>94.5</v>
      </c>
      <c r="AB33" s="452">
        <v>0.1</v>
      </c>
      <c r="AC33" s="452">
        <v>86.7</v>
      </c>
      <c r="AD33" s="452">
        <v>-15.7</v>
      </c>
      <c r="AE33" s="452">
        <v>104</v>
      </c>
      <c r="AF33" s="452">
        <v>10.1</v>
      </c>
      <c r="AG33" s="466">
        <v>95.1</v>
      </c>
      <c r="AH33" s="466">
        <v>-2.6</v>
      </c>
      <c r="AI33" s="452">
        <v>95</v>
      </c>
      <c r="AJ33" s="452">
        <v>-5</v>
      </c>
      <c r="AK33" s="196"/>
    </row>
    <row r="34" spans="1:37" s="424" customFormat="1" ht="14.25" customHeight="1" x14ac:dyDescent="0.15">
      <c r="A34" s="615"/>
      <c r="B34" s="472"/>
      <c r="C34" s="448"/>
      <c r="D34" s="449"/>
      <c r="E34" s="452"/>
      <c r="F34" s="453"/>
      <c r="G34" s="452"/>
      <c r="H34" s="452"/>
      <c r="I34" s="452"/>
      <c r="J34" s="452"/>
      <c r="K34" s="452"/>
      <c r="L34" s="452"/>
      <c r="M34" s="452"/>
      <c r="N34" s="452"/>
      <c r="O34" s="452"/>
      <c r="P34" s="452"/>
      <c r="Q34" s="452"/>
      <c r="R34" s="452"/>
      <c r="S34" s="452"/>
      <c r="T34" s="452"/>
      <c r="U34" s="452"/>
      <c r="V34" s="452"/>
      <c r="W34" s="452"/>
      <c r="X34" s="452"/>
      <c r="Y34" s="452"/>
      <c r="Z34" s="452"/>
      <c r="AA34" s="452"/>
      <c r="AB34" s="452"/>
      <c r="AC34" s="452"/>
      <c r="AD34" s="452"/>
      <c r="AE34" s="452"/>
      <c r="AF34" s="452"/>
      <c r="AG34" s="466"/>
      <c r="AH34" s="466"/>
      <c r="AI34" s="452"/>
      <c r="AJ34" s="452"/>
      <c r="AK34" s="422"/>
    </row>
    <row r="35" spans="1:37" s="424" customFormat="1" ht="15" customHeight="1" x14ac:dyDescent="0.15">
      <c r="A35" s="615"/>
      <c r="B35" s="682" t="s">
        <v>47</v>
      </c>
      <c r="C35" s="448" t="s">
        <v>207</v>
      </c>
      <c r="D35" s="455" t="s">
        <v>231</v>
      </c>
      <c r="E35" s="450">
        <v>98.5</v>
      </c>
      <c r="F35" s="451">
        <v>-1.8</v>
      </c>
      <c r="G35" s="450">
        <v>102.1</v>
      </c>
      <c r="H35" s="450">
        <v>-4.5</v>
      </c>
      <c r="I35" s="450">
        <v>99.1</v>
      </c>
      <c r="J35" s="450">
        <v>-3.3</v>
      </c>
      <c r="K35" s="450">
        <v>102.1</v>
      </c>
      <c r="L35" s="450">
        <v>6.4</v>
      </c>
      <c r="M35" s="450">
        <v>111.1</v>
      </c>
      <c r="N35" s="450">
        <v>0.9</v>
      </c>
      <c r="O35" s="450">
        <v>85.3</v>
      </c>
      <c r="P35" s="450">
        <v>-4.7</v>
      </c>
      <c r="Q35" s="450">
        <v>96.6</v>
      </c>
      <c r="R35" s="450">
        <v>-3.3</v>
      </c>
      <c r="S35" s="450">
        <v>94.5</v>
      </c>
      <c r="T35" s="450">
        <v>-6</v>
      </c>
      <c r="U35" s="450">
        <v>112.6</v>
      </c>
      <c r="V35" s="450">
        <v>4</v>
      </c>
      <c r="W35" s="450">
        <v>106.5</v>
      </c>
      <c r="X35" s="450">
        <v>3.7</v>
      </c>
      <c r="Y35" s="450">
        <v>136.9</v>
      </c>
      <c r="Z35" s="450">
        <v>25</v>
      </c>
      <c r="AA35" s="450">
        <v>95.5</v>
      </c>
      <c r="AB35" s="450">
        <v>-1.6</v>
      </c>
      <c r="AC35" s="450">
        <v>84.4</v>
      </c>
      <c r="AD35" s="450">
        <v>-15.9</v>
      </c>
      <c r="AE35" s="450">
        <v>106.8</v>
      </c>
      <c r="AF35" s="450">
        <v>10.7</v>
      </c>
      <c r="AG35" s="465">
        <v>96.7</v>
      </c>
      <c r="AH35" s="465">
        <v>-3.8</v>
      </c>
      <c r="AI35" s="450">
        <v>93.6</v>
      </c>
      <c r="AJ35" s="450">
        <v>-8.6999999999999993</v>
      </c>
      <c r="AK35" s="422"/>
    </row>
    <row r="36" spans="1:37" s="454" customFormat="1" ht="15" customHeight="1" x14ac:dyDescent="0.15">
      <c r="A36" s="615"/>
      <c r="B36" s="682"/>
      <c r="C36" s="456" t="s">
        <v>0</v>
      </c>
      <c r="D36" s="455" t="s">
        <v>232</v>
      </c>
      <c r="E36" s="452">
        <v>97.6</v>
      </c>
      <c r="F36" s="453">
        <v>-2.2000000000000002</v>
      </c>
      <c r="G36" s="452">
        <v>103.9</v>
      </c>
      <c r="H36" s="452">
        <v>-4.0999999999999996</v>
      </c>
      <c r="I36" s="452">
        <v>98.8</v>
      </c>
      <c r="J36" s="452">
        <v>-3.4</v>
      </c>
      <c r="K36" s="452">
        <v>101.2</v>
      </c>
      <c r="L36" s="452">
        <v>6.1</v>
      </c>
      <c r="M36" s="452">
        <v>109.1</v>
      </c>
      <c r="N36" s="452">
        <v>1.2</v>
      </c>
      <c r="O36" s="452">
        <v>82.9</v>
      </c>
      <c r="P36" s="452">
        <v>-9.1999999999999993</v>
      </c>
      <c r="Q36" s="452">
        <v>96.8</v>
      </c>
      <c r="R36" s="452">
        <v>-3.2</v>
      </c>
      <c r="S36" s="452">
        <v>95.6</v>
      </c>
      <c r="T36" s="452">
        <v>-0.9</v>
      </c>
      <c r="U36" s="452">
        <v>115.2</v>
      </c>
      <c r="V36" s="452">
        <v>7.4</v>
      </c>
      <c r="W36" s="452">
        <v>104.6</v>
      </c>
      <c r="X36" s="452">
        <v>1.5</v>
      </c>
      <c r="Y36" s="452">
        <v>123.4</v>
      </c>
      <c r="Z36" s="452">
        <v>9.9</v>
      </c>
      <c r="AA36" s="452">
        <v>94.6</v>
      </c>
      <c r="AB36" s="452">
        <v>0.3</v>
      </c>
      <c r="AC36" s="452">
        <v>85.1</v>
      </c>
      <c r="AD36" s="452">
        <v>-14.4</v>
      </c>
      <c r="AE36" s="452">
        <v>105.5</v>
      </c>
      <c r="AF36" s="452">
        <v>11.5</v>
      </c>
      <c r="AG36" s="466">
        <v>96.2</v>
      </c>
      <c r="AH36" s="466">
        <v>-1</v>
      </c>
      <c r="AI36" s="452">
        <v>94.6</v>
      </c>
      <c r="AJ36" s="452">
        <v>-5.3</v>
      </c>
      <c r="AK36" s="196"/>
    </row>
    <row r="37" spans="1:37" s="424" customFormat="1" ht="15" customHeight="1" x14ac:dyDescent="0.15">
      <c r="A37" s="615"/>
      <c r="B37" s="682"/>
      <c r="C37" s="456" t="s">
        <v>0</v>
      </c>
      <c r="D37" s="455" t="s">
        <v>233</v>
      </c>
      <c r="E37" s="450">
        <v>98.2</v>
      </c>
      <c r="F37" s="451">
        <v>-0.7</v>
      </c>
      <c r="G37" s="450">
        <v>103.3</v>
      </c>
      <c r="H37" s="450">
        <v>-4.7</v>
      </c>
      <c r="I37" s="450">
        <v>96.2</v>
      </c>
      <c r="J37" s="450">
        <v>-5.9</v>
      </c>
      <c r="K37" s="450">
        <v>101</v>
      </c>
      <c r="L37" s="450">
        <v>6.7</v>
      </c>
      <c r="M37" s="450">
        <v>106.4</v>
      </c>
      <c r="N37" s="450">
        <v>-0.9</v>
      </c>
      <c r="O37" s="450">
        <v>80.7</v>
      </c>
      <c r="P37" s="450">
        <v>-7.1</v>
      </c>
      <c r="Q37" s="450">
        <v>100.4</v>
      </c>
      <c r="R37" s="450">
        <v>-1.8</v>
      </c>
      <c r="S37" s="450">
        <v>95.4</v>
      </c>
      <c r="T37" s="450">
        <v>-4.3</v>
      </c>
      <c r="U37" s="450">
        <v>121</v>
      </c>
      <c r="V37" s="450">
        <v>15</v>
      </c>
      <c r="W37" s="450">
        <v>106.6</v>
      </c>
      <c r="X37" s="450">
        <v>4.2</v>
      </c>
      <c r="Y37" s="450">
        <v>137.4</v>
      </c>
      <c r="Z37" s="450">
        <v>24.8</v>
      </c>
      <c r="AA37" s="450">
        <v>95.8</v>
      </c>
      <c r="AB37" s="450">
        <v>0.4</v>
      </c>
      <c r="AC37" s="450">
        <v>86.7</v>
      </c>
      <c r="AD37" s="450">
        <v>-11.3</v>
      </c>
      <c r="AE37" s="450">
        <v>106.9</v>
      </c>
      <c r="AF37" s="450">
        <v>16.100000000000001</v>
      </c>
      <c r="AG37" s="465">
        <v>91.6</v>
      </c>
      <c r="AH37" s="465">
        <v>8.1</v>
      </c>
      <c r="AI37" s="450">
        <v>94.2</v>
      </c>
      <c r="AJ37" s="450">
        <v>-5.0999999999999996</v>
      </c>
      <c r="AK37" s="422"/>
    </row>
    <row r="38" spans="1:37" s="454" customFormat="1" ht="15" customHeight="1" x14ac:dyDescent="0.15">
      <c r="A38" s="615"/>
      <c r="B38" s="682"/>
      <c r="C38" s="456" t="s">
        <v>0</v>
      </c>
      <c r="D38" s="455" t="s">
        <v>234</v>
      </c>
      <c r="E38" s="452">
        <v>98.6</v>
      </c>
      <c r="F38" s="453">
        <v>0</v>
      </c>
      <c r="G38" s="452">
        <v>105.8</v>
      </c>
      <c r="H38" s="452">
        <v>-2</v>
      </c>
      <c r="I38" s="452">
        <v>97.1</v>
      </c>
      <c r="J38" s="452">
        <v>-5.8</v>
      </c>
      <c r="K38" s="452">
        <v>101.6</v>
      </c>
      <c r="L38" s="452">
        <v>6.1</v>
      </c>
      <c r="M38" s="452">
        <v>108</v>
      </c>
      <c r="N38" s="452">
        <v>5.6</v>
      </c>
      <c r="O38" s="452">
        <v>85.4</v>
      </c>
      <c r="P38" s="452">
        <v>-5.7</v>
      </c>
      <c r="Q38" s="452">
        <v>98.3</v>
      </c>
      <c r="R38" s="452">
        <v>9.5</v>
      </c>
      <c r="S38" s="452">
        <v>97.2</v>
      </c>
      <c r="T38" s="452">
        <v>2.5</v>
      </c>
      <c r="U38" s="452">
        <v>119.4</v>
      </c>
      <c r="V38" s="452">
        <v>12.2</v>
      </c>
      <c r="W38" s="452">
        <v>104.4</v>
      </c>
      <c r="X38" s="452">
        <v>0.2</v>
      </c>
      <c r="Y38" s="452">
        <v>131</v>
      </c>
      <c r="Z38" s="452">
        <v>18.399999999999999</v>
      </c>
      <c r="AA38" s="452">
        <v>95.4</v>
      </c>
      <c r="AB38" s="452">
        <v>1.9</v>
      </c>
      <c r="AC38" s="452">
        <v>87.1</v>
      </c>
      <c r="AD38" s="452">
        <v>-13.1</v>
      </c>
      <c r="AE38" s="452">
        <v>106.5</v>
      </c>
      <c r="AF38" s="452">
        <v>12.7</v>
      </c>
      <c r="AG38" s="466">
        <v>94.6</v>
      </c>
      <c r="AH38" s="466">
        <v>4.4000000000000004</v>
      </c>
      <c r="AI38" s="452">
        <v>96.3</v>
      </c>
      <c r="AJ38" s="452">
        <v>-3.9</v>
      </c>
      <c r="AK38" s="196"/>
    </row>
    <row r="39" spans="1:37" s="424" customFormat="1" ht="15" customHeight="1" x14ac:dyDescent="0.15">
      <c r="A39" s="615"/>
      <c r="B39" s="682"/>
      <c r="C39" s="456" t="s">
        <v>0</v>
      </c>
      <c r="D39" s="455" t="s">
        <v>235</v>
      </c>
      <c r="E39" s="450">
        <v>98.3</v>
      </c>
      <c r="F39" s="451">
        <v>-1.9</v>
      </c>
      <c r="G39" s="450">
        <v>106.1</v>
      </c>
      <c r="H39" s="450">
        <v>-0.7</v>
      </c>
      <c r="I39" s="450">
        <v>98.9</v>
      </c>
      <c r="J39" s="450">
        <v>-4.4000000000000004</v>
      </c>
      <c r="K39" s="450">
        <v>102.9</v>
      </c>
      <c r="L39" s="450">
        <v>6.4</v>
      </c>
      <c r="M39" s="450">
        <v>111.9</v>
      </c>
      <c r="N39" s="450">
        <v>6.4</v>
      </c>
      <c r="O39" s="450">
        <v>84.2</v>
      </c>
      <c r="P39" s="450">
        <v>-9.9</v>
      </c>
      <c r="Q39" s="450">
        <v>101.2</v>
      </c>
      <c r="R39" s="450">
        <v>6.6</v>
      </c>
      <c r="S39" s="450">
        <v>97.5</v>
      </c>
      <c r="T39" s="450">
        <v>-1.4</v>
      </c>
      <c r="U39" s="450">
        <v>118.3</v>
      </c>
      <c r="V39" s="450">
        <v>13.4</v>
      </c>
      <c r="W39" s="450">
        <v>103.1</v>
      </c>
      <c r="X39" s="450">
        <v>-1.5</v>
      </c>
      <c r="Y39" s="450">
        <v>111.9</v>
      </c>
      <c r="Z39" s="450">
        <v>-1.6</v>
      </c>
      <c r="AA39" s="450">
        <v>92.4</v>
      </c>
      <c r="AB39" s="450">
        <v>-3.1</v>
      </c>
      <c r="AC39" s="450">
        <v>89.6</v>
      </c>
      <c r="AD39" s="450">
        <v>-15.4</v>
      </c>
      <c r="AE39" s="450">
        <v>102.6</v>
      </c>
      <c r="AF39" s="450">
        <v>9.6</v>
      </c>
      <c r="AG39" s="465">
        <v>96.6</v>
      </c>
      <c r="AH39" s="465">
        <v>-5</v>
      </c>
      <c r="AI39" s="450">
        <v>95.5</v>
      </c>
      <c r="AJ39" s="450">
        <v>-6.1</v>
      </c>
      <c r="AK39" s="422"/>
    </row>
    <row r="40" spans="1:37" s="454" customFormat="1" ht="15" customHeight="1" x14ac:dyDescent="0.15">
      <c r="A40" s="615"/>
      <c r="B40" s="23">
        <v>30</v>
      </c>
      <c r="C40" s="456" t="s">
        <v>0</v>
      </c>
      <c r="D40" s="455" t="s">
        <v>236</v>
      </c>
      <c r="E40" s="452">
        <v>98.6</v>
      </c>
      <c r="F40" s="453">
        <v>-0.6</v>
      </c>
      <c r="G40" s="452">
        <v>108.1</v>
      </c>
      <c r="H40" s="452">
        <v>-1.7</v>
      </c>
      <c r="I40" s="452">
        <v>97.7</v>
      </c>
      <c r="J40" s="452">
        <v>-6.4</v>
      </c>
      <c r="K40" s="452">
        <v>103.3</v>
      </c>
      <c r="L40" s="452">
        <v>7.3</v>
      </c>
      <c r="M40" s="452">
        <v>112.4</v>
      </c>
      <c r="N40" s="452">
        <v>6.3</v>
      </c>
      <c r="O40" s="452">
        <v>87</v>
      </c>
      <c r="P40" s="452">
        <v>-2.2000000000000002</v>
      </c>
      <c r="Q40" s="452">
        <v>100.5</v>
      </c>
      <c r="R40" s="452">
        <v>10.9</v>
      </c>
      <c r="S40" s="452">
        <v>96</v>
      </c>
      <c r="T40" s="452">
        <v>-3.2</v>
      </c>
      <c r="U40" s="452">
        <v>122.7</v>
      </c>
      <c r="V40" s="452">
        <v>12.8</v>
      </c>
      <c r="W40" s="452">
        <v>108.8</v>
      </c>
      <c r="X40" s="452">
        <v>3.7</v>
      </c>
      <c r="Y40" s="452">
        <v>109.2</v>
      </c>
      <c r="Z40" s="452">
        <v>-4</v>
      </c>
      <c r="AA40" s="452">
        <v>99.7</v>
      </c>
      <c r="AB40" s="452">
        <v>3.4</v>
      </c>
      <c r="AC40" s="452">
        <v>88.4</v>
      </c>
      <c r="AD40" s="452">
        <v>-10.3</v>
      </c>
      <c r="AE40" s="452">
        <v>100.6</v>
      </c>
      <c r="AF40" s="452">
        <v>6.5</v>
      </c>
      <c r="AG40" s="466">
        <v>96.6</v>
      </c>
      <c r="AH40" s="466">
        <v>-0.6</v>
      </c>
      <c r="AI40" s="452">
        <v>95.9</v>
      </c>
      <c r="AJ40" s="452">
        <v>-4.9000000000000004</v>
      </c>
      <c r="AK40" s="196"/>
    </row>
    <row r="41" spans="1:37" s="424" customFormat="1" ht="15" customHeight="1" x14ac:dyDescent="0.15">
      <c r="A41" s="615"/>
      <c r="B41" s="683" t="s">
        <v>208</v>
      </c>
      <c r="C41" s="456" t="s">
        <v>0</v>
      </c>
      <c r="D41" s="455" t="s">
        <v>237</v>
      </c>
      <c r="E41" s="450">
        <v>99.4</v>
      </c>
      <c r="F41" s="451">
        <v>-0.1</v>
      </c>
      <c r="G41" s="450">
        <v>106</v>
      </c>
      <c r="H41" s="450">
        <v>-1.7</v>
      </c>
      <c r="I41" s="450">
        <v>99.4</v>
      </c>
      <c r="J41" s="450">
        <v>-3.8</v>
      </c>
      <c r="K41" s="450">
        <v>102.3</v>
      </c>
      <c r="L41" s="450">
        <v>4.5999999999999996</v>
      </c>
      <c r="M41" s="450">
        <v>110.1</v>
      </c>
      <c r="N41" s="450">
        <v>4.5999999999999996</v>
      </c>
      <c r="O41" s="450">
        <v>87.3</v>
      </c>
      <c r="P41" s="450">
        <v>-9</v>
      </c>
      <c r="Q41" s="450">
        <v>100.3</v>
      </c>
      <c r="R41" s="450">
        <v>9.9</v>
      </c>
      <c r="S41" s="450">
        <v>95.7</v>
      </c>
      <c r="T41" s="450">
        <v>-2.8</v>
      </c>
      <c r="U41" s="450">
        <v>121.7</v>
      </c>
      <c r="V41" s="450">
        <v>16.5</v>
      </c>
      <c r="W41" s="450">
        <v>106.8</v>
      </c>
      <c r="X41" s="450">
        <v>1.9</v>
      </c>
      <c r="Y41" s="450">
        <v>141.30000000000001</v>
      </c>
      <c r="Z41" s="450">
        <v>16.100000000000001</v>
      </c>
      <c r="AA41" s="450">
        <v>94.9</v>
      </c>
      <c r="AB41" s="450">
        <v>0.1</v>
      </c>
      <c r="AC41" s="450">
        <v>87.7</v>
      </c>
      <c r="AD41" s="450">
        <v>-10.4</v>
      </c>
      <c r="AE41" s="450">
        <v>100.9</v>
      </c>
      <c r="AF41" s="450">
        <v>8</v>
      </c>
      <c r="AG41" s="465">
        <v>97.7</v>
      </c>
      <c r="AH41" s="465">
        <v>-3.6</v>
      </c>
      <c r="AI41" s="450">
        <v>98.2</v>
      </c>
      <c r="AJ41" s="450">
        <v>-3.4</v>
      </c>
      <c r="AK41" s="422"/>
    </row>
    <row r="42" spans="1:37" s="454" customFormat="1" ht="15" customHeight="1" x14ac:dyDescent="0.15">
      <c r="A42" s="615"/>
      <c r="B42" s="683"/>
      <c r="C42" s="456" t="s">
        <v>238</v>
      </c>
      <c r="D42" s="455" t="s">
        <v>239</v>
      </c>
      <c r="E42" s="452">
        <v>101.3</v>
      </c>
      <c r="F42" s="453">
        <v>4.9000000000000004</v>
      </c>
      <c r="G42" s="452">
        <v>95.8</v>
      </c>
      <c r="H42" s="452">
        <v>-8.1</v>
      </c>
      <c r="I42" s="452">
        <v>106.7</v>
      </c>
      <c r="J42" s="452">
        <v>9.6999999999999993</v>
      </c>
      <c r="K42" s="452">
        <v>102.8</v>
      </c>
      <c r="L42" s="452">
        <v>0</v>
      </c>
      <c r="M42" s="452">
        <v>111.1</v>
      </c>
      <c r="N42" s="452">
        <v>3.6</v>
      </c>
      <c r="O42" s="452">
        <v>89.2</v>
      </c>
      <c r="P42" s="452">
        <v>0.7</v>
      </c>
      <c r="Q42" s="452">
        <v>107.5</v>
      </c>
      <c r="R42" s="452">
        <v>15.7</v>
      </c>
      <c r="S42" s="452">
        <v>91.1</v>
      </c>
      <c r="T42" s="452">
        <v>-2.5</v>
      </c>
      <c r="U42" s="452">
        <v>121.6</v>
      </c>
      <c r="V42" s="452">
        <v>7.7</v>
      </c>
      <c r="W42" s="452">
        <v>103.1</v>
      </c>
      <c r="X42" s="452">
        <v>-0.3</v>
      </c>
      <c r="Y42" s="452">
        <v>175.3</v>
      </c>
      <c r="Z42" s="452">
        <v>32.299999999999997</v>
      </c>
      <c r="AA42" s="452">
        <v>89.8</v>
      </c>
      <c r="AB42" s="452">
        <v>-4.4000000000000004</v>
      </c>
      <c r="AC42" s="452">
        <v>83.3</v>
      </c>
      <c r="AD42" s="452">
        <v>-3.1</v>
      </c>
      <c r="AE42" s="452">
        <v>101.1</v>
      </c>
      <c r="AF42" s="452">
        <v>-1.3</v>
      </c>
      <c r="AG42" s="466">
        <v>93.3</v>
      </c>
      <c r="AH42" s="466">
        <v>-7.2</v>
      </c>
      <c r="AI42" s="452">
        <v>94.5</v>
      </c>
      <c r="AJ42" s="452">
        <v>4.5</v>
      </c>
      <c r="AK42" s="196"/>
    </row>
    <row r="43" spans="1:37" s="424" customFormat="1" ht="15" customHeight="1" x14ac:dyDescent="0.15">
      <c r="A43" s="615"/>
      <c r="B43" s="683"/>
      <c r="C43" s="456" t="s">
        <v>0</v>
      </c>
      <c r="D43" s="455" t="s">
        <v>240</v>
      </c>
      <c r="E43" s="450">
        <v>100.9</v>
      </c>
      <c r="F43" s="451">
        <v>4.3</v>
      </c>
      <c r="G43" s="450">
        <v>107.1</v>
      </c>
      <c r="H43" s="450">
        <v>2.6</v>
      </c>
      <c r="I43" s="450">
        <v>107.3</v>
      </c>
      <c r="J43" s="450">
        <v>10.3</v>
      </c>
      <c r="K43" s="450">
        <v>102.6</v>
      </c>
      <c r="L43" s="450">
        <v>1.6</v>
      </c>
      <c r="M43" s="450">
        <v>111.4</v>
      </c>
      <c r="N43" s="450">
        <v>2</v>
      </c>
      <c r="O43" s="450">
        <v>86</v>
      </c>
      <c r="P43" s="450">
        <v>-0.9</v>
      </c>
      <c r="Q43" s="450">
        <v>109.1</v>
      </c>
      <c r="R43" s="450">
        <v>19.5</v>
      </c>
      <c r="S43" s="450">
        <v>89.4</v>
      </c>
      <c r="T43" s="450">
        <v>-3.5</v>
      </c>
      <c r="U43" s="450">
        <v>117.1</v>
      </c>
      <c r="V43" s="450">
        <v>6.3</v>
      </c>
      <c r="W43" s="450">
        <v>104.2</v>
      </c>
      <c r="X43" s="450">
        <v>-1</v>
      </c>
      <c r="Y43" s="450">
        <v>128.6</v>
      </c>
      <c r="Z43" s="450">
        <v>0</v>
      </c>
      <c r="AA43" s="450">
        <v>92.7</v>
      </c>
      <c r="AB43" s="450">
        <v>-1.4</v>
      </c>
      <c r="AC43" s="450">
        <v>86.3</v>
      </c>
      <c r="AD43" s="450">
        <v>2</v>
      </c>
      <c r="AE43" s="450">
        <v>101.4</v>
      </c>
      <c r="AF43" s="450">
        <v>-1.5</v>
      </c>
      <c r="AG43" s="465">
        <v>97.9</v>
      </c>
      <c r="AH43" s="465">
        <v>-0.7</v>
      </c>
      <c r="AI43" s="450">
        <v>94.2</v>
      </c>
      <c r="AJ43" s="450">
        <v>0</v>
      </c>
      <c r="AK43" s="422"/>
    </row>
    <row r="44" spans="1:37" s="454" customFormat="1" ht="15" customHeight="1" x14ac:dyDescent="0.15">
      <c r="A44" s="615"/>
      <c r="B44" s="479"/>
      <c r="C44" s="456" t="s">
        <v>0</v>
      </c>
      <c r="D44" s="455" t="s">
        <v>241</v>
      </c>
      <c r="E44" s="452">
        <v>101.7</v>
      </c>
      <c r="F44" s="453">
        <v>3.4</v>
      </c>
      <c r="G44" s="452">
        <v>99.4</v>
      </c>
      <c r="H44" s="452">
        <v>-7.5</v>
      </c>
      <c r="I44" s="452">
        <v>110.4</v>
      </c>
      <c r="J44" s="452">
        <v>12</v>
      </c>
      <c r="K44" s="452">
        <v>105.1</v>
      </c>
      <c r="L44" s="452">
        <v>-1.1000000000000001</v>
      </c>
      <c r="M44" s="452">
        <v>111.7</v>
      </c>
      <c r="N44" s="452">
        <v>-0.5</v>
      </c>
      <c r="O44" s="452">
        <v>86.9</v>
      </c>
      <c r="P44" s="452">
        <v>-1</v>
      </c>
      <c r="Q44" s="452">
        <v>105.6</v>
      </c>
      <c r="R44" s="452">
        <v>14</v>
      </c>
      <c r="S44" s="452">
        <v>90.6</v>
      </c>
      <c r="T44" s="452">
        <v>-2.7</v>
      </c>
      <c r="U44" s="452">
        <v>120.3</v>
      </c>
      <c r="V44" s="452">
        <v>7.7</v>
      </c>
      <c r="W44" s="452">
        <v>104.6</v>
      </c>
      <c r="X44" s="452">
        <v>-0.6</v>
      </c>
      <c r="Y44" s="452">
        <v>146.30000000000001</v>
      </c>
      <c r="Z44" s="452">
        <v>9.9</v>
      </c>
      <c r="AA44" s="452">
        <v>100.1</v>
      </c>
      <c r="AB44" s="452">
        <v>9.3000000000000007</v>
      </c>
      <c r="AC44" s="452">
        <v>88.3</v>
      </c>
      <c r="AD44" s="452">
        <v>0.9</v>
      </c>
      <c r="AE44" s="452">
        <v>101.2</v>
      </c>
      <c r="AF44" s="452">
        <v>-2.8</v>
      </c>
      <c r="AG44" s="466">
        <v>97.4</v>
      </c>
      <c r="AH44" s="466">
        <v>6</v>
      </c>
      <c r="AI44" s="452">
        <v>95.7</v>
      </c>
      <c r="AJ44" s="452">
        <v>-3.1</v>
      </c>
      <c r="AK44" s="196"/>
    </row>
    <row r="45" spans="1:37" s="424" customFormat="1" ht="15" customHeight="1" x14ac:dyDescent="0.15">
      <c r="A45" s="615"/>
      <c r="B45" s="472"/>
      <c r="C45" s="456" t="s">
        <v>0</v>
      </c>
      <c r="D45" s="455" t="s">
        <v>242</v>
      </c>
      <c r="E45" s="450">
        <v>104.2</v>
      </c>
      <c r="F45" s="451">
        <v>3.8</v>
      </c>
      <c r="G45" s="450">
        <v>100</v>
      </c>
      <c r="H45" s="450">
        <v>-7.9</v>
      </c>
      <c r="I45" s="450">
        <v>109</v>
      </c>
      <c r="J45" s="450">
        <v>8.5</v>
      </c>
      <c r="K45" s="450">
        <v>104</v>
      </c>
      <c r="L45" s="450">
        <v>2.7</v>
      </c>
      <c r="M45" s="450">
        <v>115.8</v>
      </c>
      <c r="N45" s="450">
        <v>1.6</v>
      </c>
      <c r="O45" s="450">
        <v>93.2</v>
      </c>
      <c r="P45" s="450">
        <v>2.2000000000000002</v>
      </c>
      <c r="Q45" s="450">
        <v>109.5</v>
      </c>
      <c r="R45" s="450">
        <v>12.2</v>
      </c>
      <c r="S45" s="450">
        <v>84.3</v>
      </c>
      <c r="T45" s="450">
        <v>-10</v>
      </c>
      <c r="U45" s="450">
        <v>127.1</v>
      </c>
      <c r="V45" s="450">
        <v>6.8</v>
      </c>
      <c r="W45" s="450">
        <v>106.7</v>
      </c>
      <c r="X45" s="450">
        <v>-0.7</v>
      </c>
      <c r="Y45" s="450">
        <v>174.7</v>
      </c>
      <c r="Z45" s="450">
        <v>28.4</v>
      </c>
      <c r="AA45" s="450">
        <v>106.6</v>
      </c>
      <c r="AB45" s="450">
        <v>15.2</v>
      </c>
      <c r="AC45" s="450">
        <v>87.6</v>
      </c>
      <c r="AD45" s="450">
        <v>0.2</v>
      </c>
      <c r="AE45" s="450">
        <v>105.4</v>
      </c>
      <c r="AF45" s="450">
        <v>-1.3</v>
      </c>
      <c r="AG45" s="465">
        <v>90.2</v>
      </c>
      <c r="AH45" s="465">
        <v>0.6</v>
      </c>
      <c r="AI45" s="450">
        <v>94.2</v>
      </c>
      <c r="AJ45" s="450">
        <v>-1.5</v>
      </c>
      <c r="AK45" s="422"/>
    </row>
    <row r="46" spans="1:37" s="454" customFormat="1" ht="15" customHeight="1" x14ac:dyDescent="0.15">
      <c r="A46" s="615"/>
      <c r="B46" s="479"/>
      <c r="C46" s="456" t="s">
        <v>0</v>
      </c>
      <c r="D46" s="455" t="s">
        <v>243</v>
      </c>
      <c r="E46" s="452">
        <v>102.3</v>
      </c>
      <c r="F46" s="453">
        <v>5.4</v>
      </c>
      <c r="G46" s="452">
        <v>102.3</v>
      </c>
      <c r="H46" s="452">
        <v>-3.6</v>
      </c>
      <c r="I46" s="452">
        <v>107.9</v>
      </c>
      <c r="J46" s="452">
        <v>11.5</v>
      </c>
      <c r="K46" s="452">
        <v>101.2</v>
      </c>
      <c r="L46" s="452">
        <v>-0.8</v>
      </c>
      <c r="M46" s="452">
        <v>112.8</v>
      </c>
      <c r="N46" s="452">
        <v>2.4</v>
      </c>
      <c r="O46" s="452">
        <v>89.6</v>
      </c>
      <c r="P46" s="452">
        <v>8.6</v>
      </c>
      <c r="Q46" s="452">
        <v>111.7</v>
      </c>
      <c r="R46" s="452">
        <v>15.3</v>
      </c>
      <c r="S46" s="452">
        <v>88.4</v>
      </c>
      <c r="T46" s="452">
        <v>-6.6</v>
      </c>
      <c r="U46" s="452">
        <v>117.9</v>
      </c>
      <c r="V46" s="452">
        <v>-3.4</v>
      </c>
      <c r="W46" s="452">
        <v>105.2</v>
      </c>
      <c r="X46" s="452">
        <v>2.2999999999999998</v>
      </c>
      <c r="Y46" s="452">
        <v>163.6</v>
      </c>
      <c r="Z46" s="452">
        <v>18.600000000000001</v>
      </c>
      <c r="AA46" s="452">
        <v>105.3</v>
      </c>
      <c r="AB46" s="452">
        <v>12.5</v>
      </c>
      <c r="AC46" s="452">
        <v>84.1</v>
      </c>
      <c r="AD46" s="452">
        <v>-2.5</v>
      </c>
      <c r="AE46" s="452">
        <v>101.5</v>
      </c>
      <c r="AF46" s="452">
        <v>-0.8</v>
      </c>
      <c r="AG46" s="452">
        <v>91.6</v>
      </c>
      <c r="AH46" s="466">
        <v>1.3</v>
      </c>
      <c r="AI46" s="452">
        <v>91.8</v>
      </c>
      <c r="AJ46" s="452">
        <v>-0.4</v>
      </c>
      <c r="AK46" s="196"/>
    </row>
    <row r="47" spans="1:37" s="424" customFormat="1" ht="14.25" customHeight="1" x14ac:dyDescent="0.15">
      <c r="A47" s="615"/>
      <c r="B47" s="472"/>
      <c r="C47" s="448"/>
      <c r="D47" s="455"/>
      <c r="E47" s="452"/>
      <c r="F47" s="453"/>
      <c r="G47" s="452"/>
      <c r="H47" s="452"/>
      <c r="I47" s="452"/>
      <c r="J47" s="452"/>
      <c r="K47" s="452"/>
      <c r="L47" s="452"/>
      <c r="M47" s="452"/>
      <c r="N47" s="452"/>
      <c r="O47" s="452"/>
      <c r="P47" s="452"/>
      <c r="Q47" s="452"/>
      <c r="R47" s="452"/>
      <c r="S47" s="452"/>
      <c r="T47" s="452"/>
      <c r="U47" s="452"/>
      <c r="V47" s="452"/>
      <c r="W47" s="452"/>
      <c r="X47" s="452"/>
      <c r="Y47" s="452"/>
      <c r="Z47" s="452"/>
      <c r="AA47" s="452"/>
      <c r="AB47" s="452"/>
      <c r="AC47" s="452"/>
      <c r="AD47" s="452"/>
      <c r="AE47" s="452"/>
      <c r="AF47" s="452"/>
      <c r="AG47" s="466"/>
      <c r="AH47" s="466"/>
      <c r="AI47" s="493"/>
      <c r="AJ47" s="452"/>
      <c r="AK47" s="422"/>
    </row>
    <row r="48" spans="1:37" s="424" customFormat="1" ht="14.25" customHeight="1" x14ac:dyDescent="0.15">
      <c r="A48" s="615"/>
      <c r="B48" s="472"/>
      <c r="C48" s="448" t="s">
        <v>238</v>
      </c>
      <c r="D48" s="455" t="s">
        <v>231</v>
      </c>
      <c r="E48" s="450">
        <v>103.5</v>
      </c>
      <c r="F48" s="451">
        <v>5.0999999999999996</v>
      </c>
      <c r="G48" s="450">
        <v>102.4</v>
      </c>
      <c r="H48" s="450">
        <v>0.3</v>
      </c>
      <c r="I48" s="450">
        <v>112.7</v>
      </c>
      <c r="J48" s="450">
        <v>13.7</v>
      </c>
      <c r="K48" s="450">
        <v>102.2</v>
      </c>
      <c r="L48" s="450">
        <v>0.1</v>
      </c>
      <c r="M48" s="450">
        <v>111</v>
      </c>
      <c r="N48" s="450">
        <v>-0.1</v>
      </c>
      <c r="O48" s="450">
        <v>91.8</v>
      </c>
      <c r="P48" s="450">
        <v>7.6</v>
      </c>
      <c r="Q48" s="450">
        <v>112.2</v>
      </c>
      <c r="R48" s="450">
        <v>16.100000000000001</v>
      </c>
      <c r="S48" s="450">
        <v>91.5</v>
      </c>
      <c r="T48" s="450">
        <v>-3.2</v>
      </c>
      <c r="U48" s="450">
        <v>121.8</v>
      </c>
      <c r="V48" s="450">
        <v>8.1999999999999993</v>
      </c>
      <c r="W48" s="450">
        <v>106.9</v>
      </c>
      <c r="X48" s="450">
        <v>0.4</v>
      </c>
      <c r="Y48" s="450">
        <v>165.3</v>
      </c>
      <c r="Z48" s="450">
        <v>20.7</v>
      </c>
      <c r="AA48" s="450">
        <v>104</v>
      </c>
      <c r="AB48" s="450">
        <v>8.9</v>
      </c>
      <c r="AC48" s="450">
        <v>82.7</v>
      </c>
      <c r="AD48" s="450">
        <v>-2</v>
      </c>
      <c r="AE48" s="450">
        <v>101.2</v>
      </c>
      <c r="AF48" s="450">
        <v>-5.2</v>
      </c>
      <c r="AG48" s="450">
        <v>98.6</v>
      </c>
      <c r="AH48" s="465">
        <v>2</v>
      </c>
      <c r="AI48" s="450">
        <v>94.8</v>
      </c>
      <c r="AJ48" s="450">
        <v>1.3</v>
      </c>
      <c r="AK48" s="422"/>
    </row>
    <row r="49" spans="1:36" ht="11.25" customHeight="1" thickBot="1" x14ac:dyDescent="0.2">
      <c r="A49" s="615"/>
      <c r="B49" s="485"/>
      <c r="C49" s="468"/>
      <c r="D49" s="469"/>
      <c r="E49" s="494"/>
      <c r="F49" s="495"/>
      <c r="G49" s="494"/>
      <c r="H49" s="494"/>
      <c r="I49" s="494"/>
      <c r="J49" s="494"/>
      <c r="K49" s="494"/>
      <c r="L49" s="494"/>
      <c r="M49" s="494"/>
      <c r="N49" s="494"/>
      <c r="O49" s="494"/>
      <c r="P49" s="494"/>
      <c r="Q49" s="494"/>
      <c r="R49" s="494"/>
      <c r="S49" s="494"/>
      <c r="T49" s="494"/>
      <c r="U49" s="494"/>
      <c r="V49" s="494"/>
      <c r="W49" s="494"/>
      <c r="X49" s="494"/>
      <c r="Y49" s="494"/>
      <c r="Z49" s="494"/>
      <c r="AA49" s="494"/>
      <c r="AB49" s="494"/>
      <c r="AC49" s="494"/>
      <c r="AD49" s="494"/>
      <c r="AE49" s="494"/>
      <c r="AF49" s="494"/>
      <c r="AG49" s="494"/>
      <c r="AH49" s="494"/>
      <c r="AI49" s="494"/>
      <c r="AJ49" s="494"/>
    </row>
    <row r="50" spans="1:36" ht="14.1" customHeight="1" x14ac:dyDescent="0.15">
      <c r="A50" s="615"/>
      <c r="C50" s="684" t="s">
        <v>209</v>
      </c>
      <c r="D50" s="685"/>
      <c r="E50" s="685"/>
      <c r="F50" s="685"/>
      <c r="G50" s="685"/>
      <c r="H50" s="685"/>
      <c r="I50" s="685"/>
      <c r="J50" s="685"/>
      <c r="K50" s="685"/>
      <c r="L50" s="685"/>
      <c r="M50" s="686"/>
      <c r="N50" s="686"/>
      <c r="O50" s="686"/>
      <c r="P50" s="686"/>
      <c r="Q50" s="686"/>
      <c r="R50" s="686"/>
      <c r="S50" s="686"/>
      <c r="T50" s="686"/>
      <c r="U50" s="686"/>
      <c r="V50" s="686"/>
      <c r="W50" s="686"/>
      <c r="X50" s="686"/>
      <c r="Y50" s="686"/>
      <c r="Z50" s="686"/>
      <c r="AA50" s="686"/>
      <c r="AB50" s="686"/>
      <c r="AC50" s="686"/>
      <c r="AD50" s="686"/>
      <c r="AE50" s="686"/>
      <c r="AF50" s="686"/>
    </row>
  </sheetData>
  <protectedRanges>
    <protectedRange sqref="AI26:AJ26" name="範囲1_1_2"/>
    <protectedRange sqref="AI47:AJ47" name="範囲1_1_4"/>
  </protectedRanges>
  <mergeCells count="54">
    <mergeCell ref="AI5:AJ5"/>
    <mergeCell ref="E6:F6"/>
    <mergeCell ref="G6:H6"/>
    <mergeCell ref="I6:J6"/>
    <mergeCell ref="K6:L6"/>
    <mergeCell ref="M6:N6"/>
    <mergeCell ref="O6:P6"/>
    <mergeCell ref="AG6:AH6"/>
    <mergeCell ref="AI6:AJ6"/>
    <mergeCell ref="U6:V6"/>
    <mergeCell ref="W6:X6"/>
    <mergeCell ref="Y6:Z6"/>
    <mergeCell ref="AA6:AB6"/>
    <mergeCell ref="AG4:AH4"/>
    <mergeCell ref="Q6:R6"/>
    <mergeCell ref="S6:T6"/>
    <mergeCell ref="U5:V5"/>
    <mergeCell ref="W5:X5"/>
    <mergeCell ref="Y5:Z5"/>
    <mergeCell ref="AA5:AB5"/>
    <mergeCell ref="AC6:AD6"/>
    <mergeCell ref="AE6:AF6"/>
    <mergeCell ref="AG5:AH5"/>
    <mergeCell ref="AC5:AD5"/>
    <mergeCell ref="AE5:AF5"/>
    <mergeCell ref="AA4:AB4"/>
    <mergeCell ref="AC4:AD4"/>
    <mergeCell ref="AE4:AF4"/>
    <mergeCell ref="AF1:AJ1"/>
    <mergeCell ref="H2:L2"/>
    <mergeCell ref="P2:T2"/>
    <mergeCell ref="C3:D7"/>
    <mergeCell ref="E4:F4"/>
    <mergeCell ref="G4:H4"/>
    <mergeCell ref="I4:J4"/>
    <mergeCell ref="AI4:AJ4"/>
    <mergeCell ref="K5:L5"/>
    <mergeCell ref="M5:N5"/>
    <mergeCell ref="O5:P5"/>
    <mergeCell ref="Q5:R5"/>
    <mergeCell ref="S5:T5"/>
    <mergeCell ref="O4:P4"/>
    <mergeCell ref="Q4:R4"/>
    <mergeCell ref="S4:T4"/>
    <mergeCell ref="K4:L4"/>
    <mergeCell ref="M4:N4"/>
    <mergeCell ref="W4:X4"/>
    <mergeCell ref="Y4:Z4"/>
    <mergeCell ref="A1:A50"/>
    <mergeCell ref="U4:V4"/>
    <mergeCell ref="B8:B28"/>
    <mergeCell ref="B35:B39"/>
    <mergeCell ref="B41:B43"/>
    <mergeCell ref="C50:AF50"/>
  </mergeCells>
  <phoneticPr fontId="3"/>
  <printOptions horizontalCentered="1"/>
  <pageMargins left="0.59055118110236227" right="0.59055118110236227" top="0.39370078740157483" bottom="0.59055118110236227" header="0" footer="0.19685039370078741"/>
  <pageSetup paperSize="9" scale="75" orientation="landscape" errors="blank" r:id="rId1"/>
  <headerFooter alignWithMargins="0"/>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9">
    <tabColor indexed="52"/>
  </sheetPr>
  <dimension ref="A1:AK50"/>
  <sheetViews>
    <sheetView view="pageBreakPreview" zoomScale="110" zoomScaleNormal="100" zoomScaleSheetLayoutView="110" workbookViewId="0">
      <selection sqref="A1:A50"/>
    </sheetView>
  </sheetViews>
  <sheetFormatPr defaultRowHeight="13.5" x14ac:dyDescent="0.15"/>
  <cols>
    <col min="1" max="1" width="4.375" style="321" customWidth="1"/>
    <col min="2" max="2" width="2.5" style="395" customWidth="1"/>
    <col min="3" max="3" width="6.625" style="395" customWidth="1"/>
    <col min="4" max="4" width="3.875" style="395" customWidth="1"/>
    <col min="5" max="20" width="4.875" style="395" customWidth="1"/>
    <col min="21" max="28" width="4.875" style="396" customWidth="1"/>
    <col min="29" max="32" width="4.875" style="395" customWidth="1"/>
    <col min="33" max="33" width="4.875" style="399" customWidth="1"/>
    <col min="34" max="34" width="5.625" style="395" customWidth="1"/>
    <col min="35" max="36" width="4.875" style="395" customWidth="1"/>
    <col min="37" max="37" width="4.625" style="395" customWidth="1"/>
  </cols>
  <sheetData>
    <row r="1" spans="1:37" ht="18.75" customHeight="1" x14ac:dyDescent="0.15">
      <c r="A1" s="615" t="s">
        <v>216</v>
      </c>
      <c r="B1" s="212" t="s">
        <v>217</v>
      </c>
      <c r="D1" s="417"/>
      <c r="E1" s="417"/>
      <c r="F1" s="417"/>
      <c r="G1" s="417"/>
      <c r="H1" s="417"/>
      <c r="I1" s="417"/>
      <c r="J1" s="417"/>
      <c r="K1" s="417"/>
      <c r="L1" s="417"/>
      <c r="M1" s="417"/>
      <c r="N1" s="417"/>
      <c r="O1" s="417"/>
      <c r="P1" s="417"/>
      <c r="Q1" s="417"/>
      <c r="R1" s="417"/>
      <c r="S1" s="417"/>
      <c r="T1" s="417"/>
      <c r="U1" s="320"/>
      <c r="V1" s="320"/>
      <c r="W1" s="320"/>
      <c r="X1" s="320"/>
      <c r="Y1" s="320"/>
      <c r="Z1" s="320"/>
      <c r="AA1" s="320"/>
      <c r="AB1" s="320"/>
      <c r="AC1" s="417"/>
      <c r="AD1" s="417"/>
      <c r="AE1" s="417"/>
      <c r="AF1" s="618" t="s">
        <v>212</v>
      </c>
      <c r="AG1" s="618"/>
      <c r="AH1" s="618"/>
      <c r="AI1" s="618"/>
      <c r="AJ1" s="618"/>
      <c r="AK1" s="417"/>
    </row>
    <row r="2" spans="1:37" s="424" customFormat="1" ht="3.75" customHeight="1" thickBot="1" x14ac:dyDescent="0.2">
      <c r="A2" s="615"/>
      <c r="B2" s="211"/>
      <c r="C2" s="420"/>
      <c r="D2" s="420"/>
      <c r="E2" s="420"/>
      <c r="F2" s="420"/>
      <c r="G2" s="421"/>
      <c r="H2" s="659"/>
      <c r="I2" s="659"/>
      <c r="J2" s="659"/>
      <c r="K2" s="659"/>
      <c r="L2" s="659"/>
      <c r="M2" s="420"/>
      <c r="N2" s="420"/>
      <c r="O2" s="420"/>
      <c r="P2" s="659"/>
      <c r="Q2" s="659"/>
      <c r="R2" s="659"/>
      <c r="S2" s="659"/>
      <c r="T2" s="659"/>
      <c r="U2" s="496"/>
      <c r="V2" s="496"/>
      <c r="W2" s="496"/>
      <c r="X2" s="496"/>
      <c r="Y2" s="497"/>
      <c r="Z2" s="497"/>
      <c r="AA2" s="497"/>
      <c r="AB2" s="497"/>
      <c r="AC2" s="422"/>
      <c r="AD2" s="422"/>
      <c r="AE2" s="422"/>
      <c r="AF2" s="423"/>
      <c r="AG2" s="423"/>
      <c r="AH2" s="423"/>
      <c r="AI2" s="423"/>
      <c r="AJ2" s="423"/>
      <c r="AK2" s="421"/>
    </row>
    <row r="3" spans="1:37" s="424" customFormat="1" ht="6" customHeight="1" x14ac:dyDescent="0.15">
      <c r="A3" s="615"/>
      <c r="B3" s="425"/>
      <c r="C3" s="660"/>
      <c r="D3" s="661"/>
      <c r="E3" s="426"/>
      <c r="F3" s="427"/>
      <c r="G3" s="428"/>
      <c r="H3" s="429"/>
      <c r="I3" s="426"/>
      <c r="J3" s="429"/>
      <c r="K3" s="426"/>
      <c r="L3" s="429"/>
      <c r="M3" s="426"/>
      <c r="N3" s="429"/>
      <c r="O3" s="426"/>
      <c r="P3" s="429"/>
      <c r="Q3" s="426"/>
      <c r="R3" s="429"/>
      <c r="S3" s="426"/>
      <c r="T3" s="428"/>
      <c r="U3" s="426"/>
      <c r="V3" s="429"/>
      <c r="W3" s="426"/>
      <c r="X3" s="429"/>
      <c r="Y3" s="426"/>
      <c r="Z3" s="429"/>
      <c r="AA3" s="426"/>
      <c r="AB3" s="429"/>
      <c r="AC3" s="426"/>
      <c r="AD3" s="428"/>
      <c r="AE3" s="426"/>
      <c r="AF3" s="429"/>
      <c r="AG3" s="430"/>
      <c r="AH3" s="429"/>
      <c r="AI3" s="426"/>
      <c r="AJ3" s="428"/>
      <c r="AK3" s="342"/>
    </row>
    <row r="4" spans="1:37" s="424" customFormat="1" ht="10.5" customHeight="1" x14ac:dyDescent="0.15">
      <c r="A4" s="615"/>
      <c r="B4" s="431"/>
      <c r="C4" s="662"/>
      <c r="D4" s="663"/>
      <c r="E4" s="652" t="s">
        <v>89</v>
      </c>
      <c r="F4" s="666"/>
      <c r="G4" s="667" t="s">
        <v>1</v>
      </c>
      <c r="H4" s="653"/>
      <c r="I4" s="652" t="s">
        <v>2</v>
      </c>
      <c r="J4" s="653"/>
      <c r="K4" s="652" t="s">
        <v>182</v>
      </c>
      <c r="L4" s="653"/>
      <c r="M4" s="654" t="s">
        <v>183</v>
      </c>
      <c r="N4" s="655"/>
      <c r="O4" s="654" t="s">
        <v>184</v>
      </c>
      <c r="P4" s="655"/>
      <c r="Q4" s="652" t="s">
        <v>185</v>
      </c>
      <c r="R4" s="673"/>
      <c r="S4" s="654" t="s">
        <v>186</v>
      </c>
      <c r="T4" s="655"/>
      <c r="U4" s="654" t="s">
        <v>187</v>
      </c>
      <c r="V4" s="655"/>
      <c r="W4" s="656" t="s">
        <v>188</v>
      </c>
      <c r="X4" s="657"/>
      <c r="Y4" s="654" t="s">
        <v>189</v>
      </c>
      <c r="Z4" s="658"/>
      <c r="AA4" s="656" t="s">
        <v>190</v>
      </c>
      <c r="AB4" s="657"/>
      <c r="AC4" s="654" t="s">
        <v>191</v>
      </c>
      <c r="AD4" s="658"/>
      <c r="AE4" s="654" t="s">
        <v>192</v>
      </c>
      <c r="AF4" s="658"/>
      <c r="AG4" s="654" t="s">
        <v>193</v>
      </c>
      <c r="AH4" s="658"/>
      <c r="AI4" s="654" t="s">
        <v>194</v>
      </c>
      <c r="AJ4" s="668"/>
      <c r="AK4" s="498"/>
    </row>
    <row r="5" spans="1:37" s="424" customFormat="1" ht="10.5" customHeight="1" x14ac:dyDescent="0.15">
      <c r="A5" s="615"/>
      <c r="B5" s="431"/>
      <c r="C5" s="662"/>
      <c r="D5" s="663"/>
      <c r="E5" s="432"/>
      <c r="F5" s="433"/>
      <c r="G5" s="434"/>
      <c r="H5" s="435"/>
      <c r="I5" s="432"/>
      <c r="J5" s="435"/>
      <c r="K5" s="669" t="s">
        <v>195</v>
      </c>
      <c r="L5" s="670"/>
      <c r="M5" s="671"/>
      <c r="N5" s="655"/>
      <c r="O5" s="672" t="s">
        <v>196</v>
      </c>
      <c r="P5" s="655"/>
      <c r="Q5" s="652" t="s">
        <v>197</v>
      </c>
      <c r="R5" s="673"/>
      <c r="S5" s="654" t="s">
        <v>198</v>
      </c>
      <c r="T5" s="655"/>
      <c r="U5" s="654" t="s">
        <v>199</v>
      </c>
      <c r="V5" s="655"/>
      <c r="W5" s="656" t="s">
        <v>200</v>
      </c>
      <c r="X5" s="657"/>
      <c r="Y5" s="656" t="s">
        <v>201</v>
      </c>
      <c r="Z5" s="657"/>
      <c r="AA5" s="654" t="s">
        <v>202</v>
      </c>
      <c r="AB5" s="655"/>
      <c r="AC5" s="654" t="s">
        <v>203</v>
      </c>
      <c r="AD5" s="658"/>
      <c r="AE5" s="654"/>
      <c r="AF5" s="655"/>
      <c r="AG5" s="654" t="s">
        <v>204</v>
      </c>
      <c r="AH5" s="655"/>
      <c r="AI5" s="654"/>
      <c r="AJ5" s="676"/>
      <c r="AK5" s="112"/>
    </row>
    <row r="6" spans="1:37" s="437" customFormat="1" ht="15" customHeight="1" x14ac:dyDescent="0.15">
      <c r="A6" s="615"/>
      <c r="B6" s="436"/>
      <c r="C6" s="662"/>
      <c r="D6" s="663"/>
      <c r="E6" s="674" t="s">
        <v>205</v>
      </c>
      <c r="F6" s="677"/>
      <c r="G6" s="678" t="s">
        <v>205</v>
      </c>
      <c r="H6" s="675"/>
      <c r="I6" s="674" t="s">
        <v>205</v>
      </c>
      <c r="J6" s="675"/>
      <c r="K6" s="674" t="s">
        <v>205</v>
      </c>
      <c r="L6" s="675"/>
      <c r="M6" s="674" t="s">
        <v>205</v>
      </c>
      <c r="N6" s="675"/>
      <c r="O6" s="674" t="s">
        <v>205</v>
      </c>
      <c r="P6" s="675"/>
      <c r="Q6" s="674" t="s">
        <v>205</v>
      </c>
      <c r="R6" s="675"/>
      <c r="S6" s="674" t="s">
        <v>205</v>
      </c>
      <c r="T6" s="675"/>
      <c r="U6" s="674" t="s">
        <v>205</v>
      </c>
      <c r="V6" s="675"/>
      <c r="W6" s="674" t="s">
        <v>205</v>
      </c>
      <c r="X6" s="675"/>
      <c r="Y6" s="674" t="s">
        <v>205</v>
      </c>
      <c r="Z6" s="675"/>
      <c r="AA6" s="674" t="s">
        <v>205</v>
      </c>
      <c r="AB6" s="675"/>
      <c r="AC6" s="674" t="s">
        <v>205</v>
      </c>
      <c r="AD6" s="675"/>
      <c r="AE6" s="674" t="s">
        <v>205</v>
      </c>
      <c r="AF6" s="675"/>
      <c r="AG6" s="674" t="s">
        <v>205</v>
      </c>
      <c r="AH6" s="675"/>
      <c r="AI6" s="674" t="s">
        <v>205</v>
      </c>
      <c r="AJ6" s="678"/>
      <c r="AK6" s="499"/>
    </row>
    <row r="7" spans="1:37" s="424" customFormat="1" ht="7.5" customHeight="1" x14ac:dyDescent="0.15">
      <c r="A7" s="615"/>
      <c r="B7" s="438"/>
      <c r="C7" s="664"/>
      <c r="D7" s="665"/>
      <c r="E7" s="439"/>
      <c r="F7" s="440" t="s">
        <v>164</v>
      </c>
      <c r="G7" s="441"/>
      <c r="H7" s="442" t="s">
        <v>164</v>
      </c>
      <c r="I7" s="439"/>
      <c r="J7" s="442" t="s">
        <v>164</v>
      </c>
      <c r="K7" s="439"/>
      <c r="L7" s="442" t="s">
        <v>164</v>
      </c>
      <c r="M7" s="439"/>
      <c r="N7" s="442" t="s">
        <v>164</v>
      </c>
      <c r="O7" s="439"/>
      <c r="P7" s="442" t="s">
        <v>164</v>
      </c>
      <c r="Q7" s="439"/>
      <c r="R7" s="442" t="s">
        <v>164</v>
      </c>
      <c r="S7" s="439"/>
      <c r="T7" s="442" t="s">
        <v>164</v>
      </c>
      <c r="U7" s="439"/>
      <c r="V7" s="442" t="s">
        <v>164</v>
      </c>
      <c r="W7" s="439"/>
      <c r="X7" s="442" t="s">
        <v>164</v>
      </c>
      <c r="Y7" s="439"/>
      <c r="Z7" s="442" t="s">
        <v>164</v>
      </c>
      <c r="AA7" s="439"/>
      <c r="AB7" s="442" t="s">
        <v>164</v>
      </c>
      <c r="AC7" s="439"/>
      <c r="AD7" s="442" t="s">
        <v>164</v>
      </c>
      <c r="AE7" s="439"/>
      <c r="AF7" s="442" t="s">
        <v>164</v>
      </c>
      <c r="AG7" s="443"/>
      <c r="AH7" s="442" t="s">
        <v>164</v>
      </c>
      <c r="AI7" s="439"/>
      <c r="AJ7" s="334" t="s">
        <v>164</v>
      </c>
      <c r="AK7" s="500"/>
    </row>
    <row r="8" spans="1:37" s="424" customFormat="1" ht="11.25" customHeight="1" x14ac:dyDescent="0.15">
      <c r="A8" s="615"/>
      <c r="B8" s="679" t="s">
        <v>206</v>
      </c>
      <c r="C8" s="444"/>
      <c r="D8" s="491"/>
      <c r="E8" s="339"/>
      <c r="F8" s="341"/>
      <c r="G8" s="339"/>
      <c r="H8" s="339"/>
      <c r="I8" s="339"/>
      <c r="J8" s="339"/>
      <c r="K8" s="339"/>
      <c r="L8" s="339"/>
      <c r="M8" s="339"/>
      <c r="N8" s="339"/>
      <c r="O8" s="339"/>
      <c r="P8" s="339"/>
      <c r="Q8" s="339"/>
      <c r="R8" s="339"/>
      <c r="S8" s="339"/>
      <c r="T8" s="339"/>
      <c r="U8" s="339"/>
      <c r="V8" s="339"/>
      <c r="W8" s="339"/>
      <c r="X8" s="339"/>
      <c r="Y8" s="339"/>
      <c r="Z8" s="339"/>
      <c r="AA8" s="339"/>
      <c r="AB8" s="339"/>
      <c r="AC8" s="339"/>
      <c r="AD8" s="339"/>
      <c r="AE8" s="339"/>
      <c r="AF8" s="339"/>
      <c r="AG8" s="339"/>
      <c r="AH8" s="339"/>
      <c r="AI8" s="339"/>
      <c r="AJ8" s="339"/>
      <c r="AK8" s="501"/>
    </row>
    <row r="9" spans="1:37" s="424" customFormat="1" ht="13.5" customHeight="1" x14ac:dyDescent="0.15">
      <c r="A9" s="615"/>
      <c r="B9" s="680"/>
      <c r="C9" s="448" t="s">
        <v>226</v>
      </c>
      <c r="D9" s="449" t="s">
        <v>227</v>
      </c>
      <c r="E9" s="450">
        <v>102.3</v>
      </c>
      <c r="F9" s="451">
        <v>-1.6</v>
      </c>
      <c r="G9" s="450">
        <v>98</v>
      </c>
      <c r="H9" s="450">
        <v>1.2</v>
      </c>
      <c r="I9" s="450">
        <v>103</v>
      </c>
      <c r="J9" s="450">
        <v>-1.6</v>
      </c>
      <c r="K9" s="450">
        <v>107.1</v>
      </c>
      <c r="L9" s="450">
        <v>0.5</v>
      </c>
      <c r="M9" s="450">
        <v>103.6</v>
      </c>
      <c r="N9" s="450">
        <v>-10.1</v>
      </c>
      <c r="O9" s="450">
        <v>102.9</v>
      </c>
      <c r="P9" s="450">
        <v>8.6</v>
      </c>
      <c r="Q9" s="450">
        <v>100.3</v>
      </c>
      <c r="R9" s="450">
        <v>-3.6</v>
      </c>
      <c r="S9" s="450">
        <v>103.6</v>
      </c>
      <c r="T9" s="450">
        <v>-6.9</v>
      </c>
      <c r="U9" s="450">
        <v>96.8</v>
      </c>
      <c r="V9" s="450">
        <v>0</v>
      </c>
      <c r="W9" s="450">
        <v>103.6</v>
      </c>
      <c r="X9" s="450">
        <v>-0.2</v>
      </c>
      <c r="Y9" s="450">
        <v>105.6</v>
      </c>
      <c r="Z9" s="450">
        <v>3.7</v>
      </c>
      <c r="AA9" s="450">
        <v>93.3</v>
      </c>
      <c r="AB9" s="450">
        <v>-1.8</v>
      </c>
      <c r="AC9" s="450">
        <v>98.7</v>
      </c>
      <c r="AD9" s="450">
        <v>-4.5999999999999996</v>
      </c>
      <c r="AE9" s="450">
        <v>105.7</v>
      </c>
      <c r="AF9" s="450">
        <v>1.5</v>
      </c>
      <c r="AG9" s="450">
        <v>104.5</v>
      </c>
      <c r="AH9" s="450">
        <v>7.5</v>
      </c>
      <c r="AI9" s="450">
        <v>104.7</v>
      </c>
      <c r="AJ9" s="450">
        <v>-4.3</v>
      </c>
      <c r="AK9" s="502"/>
    </row>
    <row r="10" spans="1:37" s="454" customFormat="1" ht="13.5" customHeight="1" x14ac:dyDescent="0.15">
      <c r="A10" s="615"/>
      <c r="B10" s="680"/>
      <c r="C10" s="448" t="s">
        <v>226</v>
      </c>
      <c r="D10" s="449" t="s">
        <v>228</v>
      </c>
      <c r="E10" s="452">
        <v>100</v>
      </c>
      <c r="F10" s="453">
        <v>-2.2000000000000002</v>
      </c>
      <c r="G10" s="452">
        <v>100</v>
      </c>
      <c r="H10" s="452">
        <v>2.1</v>
      </c>
      <c r="I10" s="452">
        <v>100</v>
      </c>
      <c r="J10" s="452">
        <v>-2.9</v>
      </c>
      <c r="K10" s="452">
        <v>100</v>
      </c>
      <c r="L10" s="452">
        <v>-6.6</v>
      </c>
      <c r="M10" s="452">
        <v>100</v>
      </c>
      <c r="N10" s="452">
        <v>-3.3</v>
      </c>
      <c r="O10" s="452">
        <v>100</v>
      </c>
      <c r="P10" s="452">
        <v>-2.6</v>
      </c>
      <c r="Q10" s="452">
        <v>100</v>
      </c>
      <c r="R10" s="452">
        <v>-0.2</v>
      </c>
      <c r="S10" s="452">
        <v>100</v>
      </c>
      <c r="T10" s="452">
        <v>-3.4</v>
      </c>
      <c r="U10" s="452">
        <v>100</v>
      </c>
      <c r="V10" s="452">
        <v>3.3</v>
      </c>
      <c r="W10" s="452">
        <v>100</v>
      </c>
      <c r="X10" s="452">
        <v>-3.4</v>
      </c>
      <c r="Y10" s="452">
        <v>100</v>
      </c>
      <c r="Z10" s="452">
        <v>-5.2</v>
      </c>
      <c r="AA10" s="452">
        <v>100</v>
      </c>
      <c r="AB10" s="452">
        <v>7.3</v>
      </c>
      <c r="AC10" s="452">
        <v>100</v>
      </c>
      <c r="AD10" s="452">
        <v>1.3</v>
      </c>
      <c r="AE10" s="452">
        <v>100</v>
      </c>
      <c r="AF10" s="452">
        <v>-5.3</v>
      </c>
      <c r="AG10" s="452">
        <v>100</v>
      </c>
      <c r="AH10" s="452">
        <v>-4.0999999999999996</v>
      </c>
      <c r="AI10" s="452">
        <v>100</v>
      </c>
      <c r="AJ10" s="452">
        <v>-4.5</v>
      </c>
      <c r="AK10" s="502"/>
    </row>
    <row r="11" spans="1:37" s="424" customFormat="1" ht="13.5" customHeight="1" x14ac:dyDescent="0.15">
      <c r="A11" s="615"/>
      <c r="B11" s="680"/>
      <c r="C11" s="448" t="s">
        <v>226</v>
      </c>
      <c r="D11" s="449" t="s">
        <v>229</v>
      </c>
      <c r="E11" s="450">
        <v>100.2</v>
      </c>
      <c r="F11" s="451">
        <v>0.2</v>
      </c>
      <c r="G11" s="450">
        <v>105.5</v>
      </c>
      <c r="H11" s="503">
        <v>5.5</v>
      </c>
      <c r="I11" s="503">
        <v>101.7</v>
      </c>
      <c r="J11" s="503">
        <v>1.7</v>
      </c>
      <c r="K11" s="503">
        <v>101.1</v>
      </c>
      <c r="L11" s="503">
        <v>1.1000000000000001</v>
      </c>
      <c r="M11" s="503">
        <v>103</v>
      </c>
      <c r="N11" s="503">
        <v>3</v>
      </c>
      <c r="O11" s="503">
        <v>94.6</v>
      </c>
      <c r="P11" s="503">
        <v>-5.4</v>
      </c>
      <c r="Q11" s="503">
        <v>95.5</v>
      </c>
      <c r="R11" s="503">
        <v>-4.5</v>
      </c>
      <c r="S11" s="503">
        <v>98.1</v>
      </c>
      <c r="T11" s="503">
        <v>-1.9</v>
      </c>
      <c r="U11" s="503">
        <v>106.1</v>
      </c>
      <c r="V11" s="503">
        <v>6.1</v>
      </c>
      <c r="W11" s="503">
        <v>100.6</v>
      </c>
      <c r="X11" s="503">
        <v>0.6</v>
      </c>
      <c r="Y11" s="503">
        <v>108.7</v>
      </c>
      <c r="Z11" s="503">
        <v>8.6999999999999993</v>
      </c>
      <c r="AA11" s="503">
        <v>103.1</v>
      </c>
      <c r="AB11" s="503">
        <v>3.1</v>
      </c>
      <c r="AC11" s="503">
        <v>105</v>
      </c>
      <c r="AD11" s="503">
        <v>5</v>
      </c>
      <c r="AE11" s="503">
        <v>95.9</v>
      </c>
      <c r="AF11" s="503">
        <v>-4.0999999999999996</v>
      </c>
      <c r="AG11" s="503">
        <v>100.2</v>
      </c>
      <c r="AH11" s="503">
        <v>0.2</v>
      </c>
      <c r="AI11" s="503">
        <v>103.3</v>
      </c>
      <c r="AJ11" s="503">
        <v>3.3</v>
      </c>
      <c r="AK11" s="502"/>
    </row>
    <row r="12" spans="1:37" s="454" customFormat="1" ht="13.5" customHeight="1" x14ac:dyDescent="0.15">
      <c r="A12" s="615"/>
      <c r="B12" s="680"/>
      <c r="C12" s="448" t="s">
        <v>226</v>
      </c>
      <c r="D12" s="449" t="s">
        <v>230</v>
      </c>
      <c r="E12" s="452">
        <v>96.6</v>
      </c>
      <c r="F12" s="453">
        <v>-3.6</v>
      </c>
      <c r="G12" s="452">
        <v>108.1</v>
      </c>
      <c r="H12" s="452">
        <v>2.5</v>
      </c>
      <c r="I12" s="452">
        <v>97.8</v>
      </c>
      <c r="J12" s="452">
        <v>-3.8</v>
      </c>
      <c r="K12" s="452">
        <v>101.7</v>
      </c>
      <c r="L12" s="452">
        <v>0.6</v>
      </c>
      <c r="M12" s="452">
        <v>105.1</v>
      </c>
      <c r="N12" s="452">
        <v>2</v>
      </c>
      <c r="O12" s="452">
        <v>89.6</v>
      </c>
      <c r="P12" s="452">
        <v>-5.3</v>
      </c>
      <c r="Q12" s="452">
        <v>92.8</v>
      </c>
      <c r="R12" s="452">
        <v>-2.8</v>
      </c>
      <c r="S12" s="452">
        <v>95.8</v>
      </c>
      <c r="T12" s="452">
        <v>-2.2999999999999998</v>
      </c>
      <c r="U12" s="452">
        <v>104.7</v>
      </c>
      <c r="V12" s="452">
        <v>-1.3</v>
      </c>
      <c r="W12" s="452">
        <v>101.9</v>
      </c>
      <c r="X12" s="452">
        <v>1.3</v>
      </c>
      <c r="Y12" s="452">
        <v>120</v>
      </c>
      <c r="Z12" s="452">
        <v>10.4</v>
      </c>
      <c r="AA12" s="452">
        <v>96.4</v>
      </c>
      <c r="AB12" s="452">
        <v>-6.5</v>
      </c>
      <c r="AC12" s="452">
        <v>86.7</v>
      </c>
      <c r="AD12" s="452">
        <v>-17.399999999999999</v>
      </c>
      <c r="AE12" s="452">
        <v>98.7</v>
      </c>
      <c r="AF12" s="452">
        <v>2.9</v>
      </c>
      <c r="AG12" s="452">
        <v>94.2</v>
      </c>
      <c r="AH12" s="452">
        <v>-6</v>
      </c>
      <c r="AI12" s="452">
        <v>96.5</v>
      </c>
      <c r="AJ12" s="452">
        <v>-6.6</v>
      </c>
      <c r="AK12" s="502"/>
    </row>
    <row r="13" spans="1:37" s="424" customFormat="1" ht="13.5" customHeight="1" x14ac:dyDescent="0.15">
      <c r="A13" s="615"/>
      <c r="B13" s="680"/>
      <c r="C13" s="448"/>
      <c r="D13" s="449"/>
      <c r="E13" s="452"/>
      <c r="F13" s="453"/>
      <c r="G13" s="452"/>
      <c r="H13" s="452"/>
      <c r="I13" s="452"/>
      <c r="J13" s="452"/>
      <c r="K13" s="452"/>
      <c r="L13" s="452"/>
      <c r="M13" s="452"/>
      <c r="N13" s="452"/>
      <c r="O13" s="452"/>
      <c r="P13" s="452"/>
      <c r="Q13" s="452"/>
      <c r="R13" s="452"/>
      <c r="S13" s="452"/>
      <c r="T13" s="452"/>
      <c r="U13" s="452"/>
      <c r="V13" s="452"/>
      <c r="W13" s="452"/>
      <c r="X13" s="452"/>
      <c r="Y13" s="452"/>
      <c r="Z13" s="452"/>
      <c r="AA13" s="452"/>
      <c r="AB13" s="452"/>
      <c r="AC13" s="452"/>
      <c r="AD13" s="452"/>
      <c r="AE13" s="452"/>
      <c r="AF13" s="452"/>
      <c r="AG13" s="452"/>
      <c r="AH13" s="452"/>
      <c r="AI13" s="452"/>
      <c r="AJ13" s="452"/>
      <c r="AK13" s="502"/>
    </row>
    <row r="14" spans="1:37" s="424" customFormat="1" ht="15" customHeight="1" x14ac:dyDescent="0.15">
      <c r="A14" s="615"/>
      <c r="B14" s="680"/>
      <c r="C14" s="448" t="s">
        <v>207</v>
      </c>
      <c r="D14" s="455" t="s">
        <v>231</v>
      </c>
      <c r="E14" s="450">
        <v>97.3</v>
      </c>
      <c r="F14" s="451">
        <v>-3.5</v>
      </c>
      <c r="G14" s="450">
        <v>106.6</v>
      </c>
      <c r="H14" s="450">
        <v>0.1</v>
      </c>
      <c r="I14" s="450">
        <v>98.9</v>
      </c>
      <c r="J14" s="450">
        <v>-2.4</v>
      </c>
      <c r="K14" s="450">
        <v>102.4</v>
      </c>
      <c r="L14" s="450">
        <v>0.5</v>
      </c>
      <c r="M14" s="450">
        <v>107.8</v>
      </c>
      <c r="N14" s="450">
        <v>2.2999999999999998</v>
      </c>
      <c r="O14" s="450">
        <v>91</v>
      </c>
      <c r="P14" s="450">
        <v>-3.6</v>
      </c>
      <c r="Q14" s="450">
        <v>90.7</v>
      </c>
      <c r="R14" s="450">
        <v>-7.2</v>
      </c>
      <c r="S14" s="450">
        <v>93.8</v>
      </c>
      <c r="T14" s="450">
        <v>-5.3</v>
      </c>
      <c r="U14" s="450">
        <v>101.1</v>
      </c>
      <c r="V14" s="450">
        <v>-5.0999999999999996</v>
      </c>
      <c r="W14" s="450">
        <v>104.2</v>
      </c>
      <c r="X14" s="450">
        <v>4.7</v>
      </c>
      <c r="Y14" s="450">
        <v>123.9</v>
      </c>
      <c r="Z14" s="450">
        <v>17.8</v>
      </c>
      <c r="AA14" s="450">
        <v>102.5</v>
      </c>
      <c r="AB14" s="450">
        <v>-4.2</v>
      </c>
      <c r="AC14" s="450">
        <v>85</v>
      </c>
      <c r="AD14" s="450">
        <v>-17.600000000000001</v>
      </c>
      <c r="AE14" s="450">
        <v>101.4</v>
      </c>
      <c r="AF14" s="450">
        <v>4.4000000000000004</v>
      </c>
      <c r="AG14" s="450">
        <v>98.9</v>
      </c>
      <c r="AH14" s="450">
        <v>-2.8</v>
      </c>
      <c r="AI14" s="450">
        <v>96.9</v>
      </c>
      <c r="AJ14" s="450">
        <v>-8.5</v>
      </c>
      <c r="AK14" s="502"/>
    </row>
    <row r="15" spans="1:37" s="454" customFormat="1" ht="15" customHeight="1" x14ac:dyDescent="0.15">
      <c r="A15" s="615"/>
      <c r="B15" s="680"/>
      <c r="C15" s="456" t="s">
        <v>0</v>
      </c>
      <c r="D15" s="455" t="s">
        <v>232</v>
      </c>
      <c r="E15" s="452">
        <v>96</v>
      </c>
      <c r="F15" s="453">
        <v>-4.8</v>
      </c>
      <c r="G15" s="452">
        <v>108.7</v>
      </c>
      <c r="H15" s="452">
        <v>1.9</v>
      </c>
      <c r="I15" s="452">
        <v>98.8</v>
      </c>
      <c r="J15" s="452">
        <v>-2.9</v>
      </c>
      <c r="K15" s="452">
        <v>99.9</v>
      </c>
      <c r="L15" s="452">
        <v>-1.2</v>
      </c>
      <c r="M15" s="452">
        <v>102.9</v>
      </c>
      <c r="N15" s="452">
        <v>-2.1</v>
      </c>
      <c r="O15" s="452">
        <v>86.3</v>
      </c>
      <c r="P15" s="452">
        <v>-9.5</v>
      </c>
      <c r="Q15" s="452">
        <v>92.3</v>
      </c>
      <c r="R15" s="452">
        <v>-4.0999999999999996</v>
      </c>
      <c r="S15" s="452">
        <v>99.7</v>
      </c>
      <c r="T15" s="452">
        <v>2</v>
      </c>
      <c r="U15" s="452">
        <v>105.6</v>
      </c>
      <c r="V15" s="452">
        <v>-1.6</v>
      </c>
      <c r="W15" s="452">
        <v>101.3</v>
      </c>
      <c r="X15" s="452">
        <v>0.4</v>
      </c>
      <c r="Y15" s="452">
        <v>117.8</v>
      </c>
      <c r="Z15" s="452">
        <v>5.6</v>
      </c>
      <c r="AA15" s="452">
        <v>91.3</v>
      </c>
      <c r="AB15" s="452">
        <v>-12</v>
      </c>
      <c r="AC15" s="452">
        <v>85.9</v>
      </c>
      <c r="AD15" s="452">
        <v>-15.9</v>
      </c>
      <c r="AE15" s="452">
        <v>99.4</v>
      </c>
      <c r="AF15" s="452">
        <v>1.6</v>
      </c>
      <c r="AG15" s="452">
        <v>90.7</v>
      </c>
      <c r="AH15" s="452">
        <v>-9.1</v>
      </c>
      <c r="AI15" s="452">
        <v>95</v>
      </c>
      <c r="AJ15" s="452">
        <v>-7.9</v>
      </c>
      <c r="AK15" s="502"/>
    </row>
    <row r="16" spans="1:37" s="424" customFormat="1" ht="15" customHeight="1" x14ac:dyDescent="0.15">
      <c r="A16" s="615"/>
      <c r="B16" s="680"/>
      <c r="C16" s="456" t="s">
        <v>0</v>
      </c>
      <c r="D16" s="455" t="s">
        <v>233</v>
      </c>
      <c r="E16" s="450">
        <v>95.9</v>
      </c>
      <c r="F16" s="451">
        <v>-3.7</v>
      </c>
      <c r="G16" s="450">
        <v>108.8</v>
      </c>
      <c r="H16" s="450">
        <v>3.3</v>
      </c>
      <c r="I16" s="450">
        <v>96.2</v>
      </c>
      <c r="J16" s="450">
        <v>-4.8</v>
      </c>
      <c r="K16" s="450">
        <v>99.2</v>
      </c>
      <c r="L16" s="450">
        <v>-0.9</v>
      </c>
      <c r="M16" s="450">
        <v>102.8</v>
      </c>
      <c r="N16" s="450">
        <v>0.2</v>
      </c>
      <c r="O16" s="450">
        <v>83.3</v>
      </c>
      <c r="P16" s="450">
        <v>-8.4</v>
      </c>
      <c r="Q16" s="450">
        <v>94.9</v>
      </c>
      <c r="R16" s="450">
        <v>-1.9</v>
      </c>
      <c r="S16" s="450">
        <v>98.5</v>
      </c>
      <c r="T16" s="450">
        <v>0.2</v>
      </c>
      <c r="U16" s="450">
        <v>100</v>
      </c>
      <c r="V16" s="450">
        <v>-3.4</v>
      </c>
      <c r="W16" s="450">
        <v>102.1</v>
      </c>
      <c r="X16" s="450">
        <v>1.6</v>
      </c>
      <c r="Y16" s="450">
        <v>122.8</v>
      </c>
      <c r="Z16" s="450">
        <v>14.3</v>
      </c>
      <c r="AA16" s="450">
        <v>93.2</v>
      </c>
      <c r="AB16" s="450">
        <v>-11.4</v>
      </c>
      <c r="AC16" s="450">
        <v>86.8</v>
      </c>
      <c r="AD16" s="450">
        <v>-13.3</v>
      </c>
      <c r="AE16" s="450">
        <v>99.7</v>
      </c>
      <c r="AF16" s="450">
        <v>4.4000000000000004</v>
      </c>
      <c r="AG16" s="450">
        <v>88.7</v>
      </c>
      <c r="AH16" s="450">
        <v>-4.5999999999999996</v>
      </c>
      <c r="AI16" s="450">
        <v>93.6</v>
      </c>
      <c r="AJ16" s="450">
        <v>-8.5</v>
      </c>
      <c r="AK16" s="502"/>
    </row>
    <row r="17" spans="1:37" s="454" customFormat="1" ht="15" customHeight="1" x14ac:dyDescent="0.15">
      <c r="A17" s="615"/>
      <c r="B17" s="680"/>
      <c r="C17" s="456" t="s">
        <v>0</v>
      </c>
      <c r="D17" s="455" t="s">
        <v>234</v>
      </c>
      <c r="E17" s="452">
        <v>96.3</v>
      </c>
      <c r="F17" s="453">
        <v>-3.1</v>
      </c>
      <c r="G17" s="452">
        <v>108.4</v>
      </c>
      <c r="H17" s="452">
        <v>0.5</v>
      </c>
      <c r="I17" s="452">
        <v>96.5</v>
      </c>
      <c r="J17" s="452">
        <v>-5.4</v>
      </c>
      <c r="K17" s="452">
        <v>99.2</v>
      </c>
      <c r="L17" s="452">
        <v>-1.6</v>
      </c>
      <c r="M17" s="452">
        <v>104.1</v>
      </c>
      <c r="N17" s="452">
        <v>5</v>
      </c>
      <c r="O17" s="452">
        <v>86.7</v>
      </c>
      <c r="P17" s="452">
        <v>-7.9</v>
      </c>
      <c r="Q17" s="452">
        <v>94.2</v>
      </c>
      <c r="R17" s="452">
        <v>4.8</v>
      </c>
      <c r="S17" s="452">
        <v>100.5</v>
      </c>
      <c r="T17" s="452">
        <v>4.7</v>
      </c>
      <c r="U17" s="452">
        <v>110.2</v>
      </c>
      <c r="V17" s="452">
        <v>3.2</v>
      </c>
      <c r="W17" s="452">
        <v>100.7</v>
      </c>
      <c r="X17" s="452">
        <v>0.6</v>
      </c>
      <c r="Y17" s="452">
        <v>124</v>
      </c>
      <c r="Z17" s="452">
        <v>12.7</v>
      </c>
      <c r="AA17" s="452">
        <v>91.6</v>
      </c>
      <c r="AB17" s="452">
        <v>-12.5</v>
      </c>
      <c r="AC17" s="452">
        <v>86.9</v>
      </c>
      <c r="AD17" s="452">
        <v>-13.4</v>
      </c>
      <c r="AE17" s="452">
        <v>99.1</v>
      </c>
      <c r="AF17" s="452">
        <v>2</v>
      </c>
      <c r="AG17" s="452">
        <v>91.2</v>
      </c>
      <c r="AH17" s="452">
        <v>-4.4000000000000004</v>
      </c>
      <c r="AI17" s="452">
        <v>95.5</v>
      </c>
      <c r="AJ17" s="452">
        <v>-7.6</v>
      </c>
      <c r="AK17" s="502"/>
    </row>
    <row r="18" spans="1:37" s="424" customFormat="1" ht="15" customHeight="1" x14ac:dyDescent="0.15">
      <c r="A18" s="615"/>
      <c r="B18" s="680"/>
      <c r="C18" s="456" t="s">
        <v>0</v>
      </c>
      <c r="D18" s="455" t="s">
        <v>235</v>
      </c>
      <c r="E18" s="450">
        <v>95.2</v>
      </c>
      <c r="F18" s="451">
        <v>-6.3</v>
      </c>
      <c r="G18" s="450">
        <v>107.1</v>
      </c>
      <c r="H18" s="450">
        <v>-1.4</v>
      </c>
      <c r="I18" s="450">
        <v>97.3</v>
      </c>
      <c r="J18" s="450">
        <v>-5.5</v>
      </c>
      <c r="K18" s="450">
        <v>100.4</v>
      </c>
      <c r="L18" s="450">
        <v>-1.7</v>
      </c>
      <c r="M18" s="450">
        <v>106.6</v>
      </c>
      <c r="N18" s="450">
        <v>5.4</v>
      </c>
      <c r="O18" s="450">
        <v>85.5</v>
      </c>
      <c r="P18" s="450">
        <v>-12</v>
      </c>
      <c r="Q18" s="450">
        <v>94.7</v>
      </c>
      <c r="R18" s="450">
        <v>-0.3</v>
      </c>
      <c r="S18" s="450">
        <v>97.8</v>
      </c>
      <c r="T18" s="450">
        <v>-0.4</v>
      </c>
      <c r="U18" s="450">
        <v>108.5</v>
      </c>
      <c r="V18" s="450">
        <v>2</v>
      </c>
      <c r="W18" s="450">
        <v>97.7</v>
      </c>
      <c r="X18" s="450">
        <v>-3.1</v>
      </c>
      <c r="Y18" s="450">
        <v>113.1</v>
      </c>
      <c r="Z18" s="450">
        <v>-2.7</v>
      </c>
      <c r="AA18" s="450">
        <v>91.5</v>
      </c>
      <c r="AB18" s="450">
        <v>-14.4</v>
      </c>
      <c r="AC18" s="450">
        <v>87.9</v>
      </c>
      <c r="AD18" s="450">
        <v>-19.399999999999999</v>
      </c>
      <c r="AE18" s="450">
        <v>96</v>
      </c>
      <c r="AF18" s="450">
        <v>-0.5</v>
      </c>
      <c r="AG18" s="450">
        <v>92.9</v>
      </c>
      <c r="AH18" s="450">
        <v>-10.4</v>
      </c>
      <c r="AI18" s="450">
        <v>93.9</v>
      </c>
      <c r="AJ18" s="450">
        <v>-10.1</v>
      </c>
      <c r="AK18" s="502"/>
    </row>
    <row r="19" spans="1:37" s="454" customFormat="1" ht="15" customHeight="1" x14ac:dyDescent="0.15">
      <c r="A19" s="615"/>
      <c r="B19" s="680"/>
      <c r="C19" s="456" t="s">
        <v>0</v>
      </c>
      <c r="D19" s="455" t="s">
        <v>236</v>
      </c>
      <c r="E19" s="452">
        <v>95.8</v>
      </c>
      <c r="F19" s="453">
        <v>-4.5</v>
      </c>
      <c r="G19" s="452">
        <v>109.7</v>
      </c>
      <c r="H19" s="452">
        <v>1</v>
      </c>
      <c r="I19" s="452">
        <v>96.1</v>
      </c>
      <c r="J19" s="452">
        <v>-7.2</v>
      </c>
      <c r="K19" s="452">
        <v>100.3</v>
      </c>
      <c r="L19" s="452">
        <v>-1.4</v>
      </c>
      <c r="M19" s="452">
        <v>106.9</v>
      </c>
      <c r="N19" s="452">
        <v>5.6</v>
      </c>
      <c r="O19" s="452">
        <v>87.1</v>
      </c>
      <c r="P19" s="452">
        <v>-6</v>
      </c>
      <c r="Q19" s="452">
        <v>95</v>
      </c>
      <c r="R19" s="452">
        <v>2.2999999999999998</v>
      </c>
      <c r="S19" s="452">
        <v>96.7</v>
      </c>
      <c r="T19" s="452">
        <v>-1.4</v>
      </c>
      <c r="U19" s="452">
        <v>111.1</v>
      </c>
      <c r="V19" s="452">
        <v>0.7</v>
      </c>
      <c r="W19" s="452">
        <v>102.8</v>
      </c>
      <c r="X19" s="452">
        <v>1.4</v>
      </c>
      <c r="Y19" s="452">
        <v>113</v>
      </c>
      <c r="Z19" s="452">
        <v>-1.8</v>
      </c>
      <c r="AA19" s="452">
        <v>95.6</v>
      </c>
      <c r="AB19" s="452">
        <v>-8</v>
      </c>
      <c r="AC19" s="452">
        <v>87.9</v>
      </c>
      <c r="AD19" s="452">
        <v>-14.2</v>
      </c>
      <c r="AE19" s="452">
        <v>94.8</v>
      </c>
      <c r="AF19" s="452">
        <v>-1.3</v>
      </c>
      <c r="AG19" s="452">
        <v>91.7</v>
      </c>
      <c r="AH19" s="452">
        <v>-7.4</v>
      </c>
      <c r="AI19" s="452">
        <v>95.1</v>
      </c>
      <c r="AJ19" s="452">
        <v>-8.6</v>
      </c>
      <c r="AK19" s="502"/>
    </row>
    <row r="20" spans="1:37" s="424" customFormat="1" ht="15" customHeight="1" x14ac:dyDescent="0.15">
      <c r="A20" s="615"/>
      <c r="B20" s="680"/>
      <c r="C20" s="456" t="s">
        <v>0</v>
      </c>
      <c r="D20" s="455" t="s">
        <v>237</v>
      </c>
      <c r="E20" s="450">
        <v>95.8</v>
      </c>
      <c r="F20" s="451">
        <v>-4.7</v>
      </c>
      <c r="G20" s="450">
        <v>106.6</v>
      </c>
      <c r="H20" s="450">
        <v>0.8</v>
      </c>
      <c r="I20" s="450">
        <v>97.5</v>
      </c>
      <c r="J20" s="450">
        <v>-5.2</v>
      </c>
      <c r="K20" s="450">
        <v>98.8</v>
      </c>
      <c r="L20" s="450">
        <v>-4.4000000000000004</v>
      </c>
      <c r="M20" s="450">
        <v>104.7</v>
      </c>
      <c r="N20" s="450">
        <v>3.8</v>
      </c>
      <c r="O20" s="450">
        <v>87.8</v>
      </c>
      <c r="P20" s="450">
        <v>-12</v>
      </c>
      <c r="Q20" s="450">
        <v>94.3</v>
      </c>
      <c r="R20" s="450">
        <v>1</v>
      </c>
      <c r="S20" s="450">
        <v>97.5</v>
      </c>
      <c r="T20" s="450">
        <v>-0.3</v>
      </c>
      <c r="U20" s="450">
        <v>109.1</v>
      </c>
      <c r="V20" s="450">
        <v>2.9</v>
      </c>
      <c r="W20" s="450">
        <v>101</v>
      </c>
      <c r="X20" s="450">
        <v>-0.5</v>
      </c>
      <c r="Y20" s="450">
        <v>126.9</v>
      </c>
      <c r="Z20" s="450">
        <v>6.3</v>
      </c>
      <c r="AA20" s="450">
        <v>95.6</v>
      </c>
      <c r="AB20" s="450">
        <v>-6.9</v>
      </c>
      <c r="AC20" s="450">
        <v>85.7</v>
      </c>
      <c r="AD20" s="450">
        <v>-15.7</v>
      </c>
      <c r="AE20" s="450">
        <v>93.9</v>
      </c>
      <c r="AF20" s="450">
        <v>-1.5</v>
      </c>
      <c r="AG20" s="450">
        <v>93</v>
      </c>
      <c r="AH20" s="450">
        <v>-8.6999999999999993</v>
      </c>
      <c r="AI20" s="450">
        <v>96.1</v>
      </c>
      <c r="AJ20" s="450">
        <v>-8.5</v>
      </c>
      <c r="AK20" s="502"/>
    </row>
    <row r="21" spans="1:37" s="454" customFormat="1" ht="15" customHeight="1" x14ac:dyDescent="0.15">
      <c r="A21" s="615"/>
      <c r="B21" s="680"/>
      <c r="C21" s="456" t="s">
        <v>238</v>
      </c>
      <c r="D21" s="455" t="s">
        <v>239</v>
      </c>
      <c r="E21" s="452">
        <v>94.8</v>
      </c>
      <c r="F21" s="453">
        <v>-2.1</v>
      </c>
      <c r="G21" s="452">
        <v>104.5</v>
      </c>
      <c r="H21" s="452">
        <v>-0.1</v>
      </c>
      <c r="I21" s="452">
        <v>100.9</v>
      </c>
      <c r="J21" s="452">
        <v>2.7</v>
      </c>
      <c r="K21" s="452">
        <v>98</v>
      </c>
      <c r="L21" s="452">
        <v>-6.6</v>
      </c>
      <c r="M21" s="452">
        <v>103.5</v>
      </c>
      <c r="N21" s="452">
        <v>1.5</v>
      </c>
      <c r="O21" s="452">
        <v>88.1</v>
      </c>
      <c r="P21" s="452">
        <v>-7.6</v>
      </c>
      <c r="Q21" s="452">
        <v>94.9</v>
      </c>
      <c r="R21" s="452">
        <v>4.5</v>
      </c>
      <c r="S21" s="452">
        <v>92.4</v>
      </c>
      <c r="T21" s="452">
        <v>-1.2</v>
      </c>
      <c r="U21" s="452">
        <v>104.7</v>
      </c>
      <c r="V21" s="452">
        <v>4.7</v>
      </c>
      <c r="W21" s="452">
        <v>94.6</v>
      </c>
      <c r="X21" s="452">
        <v>-7.4</v>
      </c>
      <c r="Y21" s="452">
        <v>137.80000000000001</v>
      </c>
      <c r="Z21" s="452">
        <v>14.9</v>
      </c>
      <c r="AA21" s="452">
        <v>90.3</v>
      </c>
      <c r="AB21" s="452">
        <v>-7.7</v>
      </c>
      <c r="AC21" s="452">
        <v>86.4</v>
      </c>
      <c r="AD21" s="452">
        <v>-2.7</v>
      </c>
      <c r="AE21" s="452">
        <v>93.2</v>
      </c>
      <c r="AF21" s="452">
        <v>-7.2</v>
      </c>
      <c r="AG21" s="452">
        <v>90.1</v>
      </c>
      <c r="AH21" s="452">
        <v>-9.6999999999999993</v>
      </c>
      <c r="AI21" s="452">
        <v>84.3</v>
      </c>
      <c r="AJ21" s="452">
        <v>-13.2</v>
      </c>
      <c r="AK21" s="502"/>
    </row>
    <row r="22" spans="1:37" s="424" customFormat="1" ht="15" customHeight="1" x14ac:dyDescent="0.15">
      <c r="A22" s="615"/>
      <c r="B22" s="680"/>
      <c r="C22" s="456" t="s">
        <v>0</v>
      </c>
      <c r="D22" s="455" t="s">
        <v>240</v>
      </c>
      <c r="E22" s="450">
        <v>96.3</v>
      </c>
      <c r="F22" s="451">
        <v>-0.6</v>
      </c>
      <c r="G22" s="450">
        <v>109.8</v>
      </c>
      <c r="H22" s="450">
        <v>1.3</v>
      </c>
      <c r="I22" s="450">
        <v>102.6</v>
      </c>
      <c r="J22" s="450">
        <v>4.4000000000000004</v>
      </c>
      <c r="K22" s="450">
        <v>98.4</v>
      </c>
      <c r="L22" s="450">
        <v>-4.9000000000000004</v>
      </c>
      <c r="M22" s="450">
        <v>104.6</v>
      </c>
      <c r="N22" s="450">
        <v>1.2</v>
      </c>
      <c r="O22" s="450">
        <v>87.4</v>
      </c>
      <c r="P22" s="450">
        <v>-6.9</v>
      </c>
      <c r="Q22" s="450">
        <v>95.4</v>
      </c>
      <c r="R22" s="450">
        <v>4.3</v>
      </c>
      <c r="S22" s="450">
        <v>90.9</v>
      </c>
      <c r="T22" s="450">
        <v>-1.9</v>
      </c>
      <c r="U22" s="450">
        <v>104</v>
      </c>
      <c r="V22" s="450">
        <v>3.9</v>
      </c>
      <c r="W22" s="450">
        <v>96.7</v>
      </c>
      <c r="X22" s="450">
        <v>-6.2</v>
      </c>
      <c r="Y22" s="450">
        <v>118.8</v>
      </c>
      <c r="Z22" s="450">
        <v>4.2</v>
      </c>
      <c r="AA22" s="450">
        <v>92</v>
      </c>
      <c r="AB22" s="450">
        <v>-6.3</v>
      </c>
      <c r="AC22" s="450">
        <v>88</v>
      </c>
      <c r="AD22" s="450">
        <v>2.2999999999999998</v>
      </c>
      <c r="AE22" s="450">
        <v>95.8</v>
      </c>
      <c r="AF22" s="450">
        <v>-4</v>
      </c>
      <c r="AG22" s="450">
        <v>92.7</v>
      </c>
      <c r="AH22" s="450">
        <v>-5.4</v>
      </c>
      <c r="AI22" s="450">
        <v>94.1</v>
      </c>
      <c r="AJ22" s="450">
        <v>-5.2</v>
      </c>
      <c r="AK22" s="502"/>
    </row>
    <row r="23" spans="1:37" s="454" customFormat="1" ht="15" customHeight="1" x14ac:dyDescent="0.15">
      <c r="A23" s="615"/>
      <c r="B23" s="680"/>
      <c r="C23" s="456" t="s">
        <v>0</v>
      </c>
      <c r="D23" s="455" t="s">
        <v>241</v>
      </c>
      <c r="E23" s="452">
        <v>96.4</v>
      </c>
      <c r="F23" s="453">
        <v>-1.1000000000000001</v>
      </c>
      <c r="G23" s="452">
        <v>105.9</v>
      </c>
      <c r="H23" s="452">
        <v>-4.7</v>
      </c>
      <c r="I23" s="452">
        <v>104.3</v>
      </c>
      <c r="J23" s="452">
        <v>5.7</v>
      </c>
      <c r="K23" s="452">
        <v>99.7</v>
      </c>
      <c r="L23" s="452">
        <v>-7.3</v>
      </c>
      <c r="M23" s="452">
        <v>104.7</v>
      </c>
      <c r="N23" s="452">
        <v>-0.3</v>
      </c>
      <c r="O23" s="452">
        <v>88.3</v>
      </c>
      <c r="P23" s="452">
        <v>-5.8</v>
      </c>
      <c r="Q23" s="452">
        <v>93.3</v>
      </c>
      <c r="R23" s="452">
        <v>2.6</v>
      </c>
      <c r="S23" s="452">
        <v>93.2</v>
      </c>
      <c r="T23" s="452">
        <v>1</v>
      </c>
      <c r="U23" s="452">
        <v>108.1</v>
      </c>
      <c r="V23" s="452">
        <v>6.3</v>
      </c>
      <c r="W23" s="452">
        <v>96.9</v>
      </c>
      <c r="X23" s="452">
        <v>-5.7</v>
      </c>
      <c r="Y23" s="452">
        <v>126.6</v>
      </c>
      <c r="Z23" s="452">
        <v>7.5</v>
      </c>
      <c r="AA23" s="452">
        <v>95</v>
      </c>
      <c r="AB23" s="452">
        <v>-4.3</v>
      </c>
      <c r="AC23" s="452">
        <v>88.8</v>
      </c>
      <c r="AD23" s="452">
        <v>1.3</v>
      </c>
      <c r="AE23" s="452">
        <v>95.3</v>
      </c>
      <c r="AF23" s="452">
        <v>-4.5</v>
      </c>
      <c r="AG23" s="452">
        <v>93.6</v>
      </c>
      <c r="AH23" s="452">
        <v>-1.3</v>
      </c>
      <c r="AI23" s="452">
        <v>94.4</v>
      </c>
      <c r="AJ23" s="452">
        <v>-7.3</v>
      </c>
      <c r="AK23" s="502"/>
    </row>
    <row r="24" spans="1:37" s="424" customFormat="1" ht="15" customHeight="1" x14ac:dyDescent="0.15">
      <c r="A24" s="615"/>
      <c r="B24" s="680"/>
      <c r="C24" s="456" t="s">
        <v>0</v>
      </c>
      <c r="D24" s="455" t="s">
        <v>242</v>
      </c>
      <c r="E24" s="450">
        <v>97.5</v>
      </c>
      <c r="F24" s="451">
        <v>-1.6</v>
      </c>
      <c r="G24" s="450">
        <v>103.9</v>
      </c>
      <c r="H24" s="450">
        <v>-6.3</v>
      </c>
      <c r="I24" s="450">
        <v>102.9</v>
      </c>
      <c r="J24" s="450">
        <v>2.4</v>
      </c>
      <c r="K24" s="450">
        <v>98.1</v>
      </c>
      <c r="L24" s="450">
        <v>-4.3</v>
      </c>
      <c r="M24" s="450">
        <v>107.8</v>
      </c>
      <c r="N24" s="450">
        <v>-1.6</v>
      </c>
      <c r="O24" s="450">
        <v>92.2</v>
      </c>
      <c r="P24" s="450">
        <v>-3.8</v>
      </c>
      <c r="Q24" s="450">
        <v>95.7</v>
      </c>
      <c r="R24" s="450">
        <v>3.9</v>
      </c>
      <c r="S24" s="450">
        <v>87.3</v>
      </c>
      <c r="T24" s="450">
        <v>-6.5</v>
      </c>
      <c r="U24" s="450">
        <v>110.3</v>
      </c>
      <c r="V24" s="450">
        <v>5.6</v>
      </c>
      <c r="W24" s="450">
        <v>97.5</v>
      </c>
      <c r="X24" s="450">
        <v>-7.1</v>
      </c>
      <c r="Y24" s="450">
        <v>137.4</v>
      </c>
      <c r="Z24" s="450">
        <v>12.1</v>
      </c>
      <c r="AA24" s="450">
        <v>100.4</v>
      </c>
      <c r="AB24" s="450">
        <v>-1.8</v>
      </c>
      <c r="AC24" s="450">
        <v>87.2</v>
      </c>
      <c r="AD24" s="450">
        <v>0.8</v>
      </c>
      <c r="AE24" s="450">
        <v>97.2</v>
      </c>
      <c r="AF24" s="450">
        <v>-4.5</v>
      </c>
      <c r="AG24" s="450">
        <v>91.3</v>
      </c>
      <c r="AH24" s="450">
        <v>-4.5999999999999996</v>
      </c>
      <c r="AI24" s="450">
        <v>92.3</v>
      </c>
      <c r="AJ24" s="450">
        <v>-7.2</v>
      </c>
      <c r="AK24" s="502"/>
    </row>
    <row r="25" spans="1:37" s="454" customFormat="1" ht="15" customHeight="1" x14ac:dyDescent="0.15">
      <c r="A25" s="615"/>
      <c r="B25" s="680"/>
      <c r="C25" s="456" t="s">
        <v>0</v>
      </c>
      <c r="D25" s="455" t="s">
        <v>243</v>
      </c>
      <c r="E25" s="452">
        <v>96</v>
      </c>
      <c r="F25" s="453">
        <v>-0.3</v>
      </c>
      <c r="G25" s="452">
        <v>104.7</v>
      </c>
      <c r="H25" s="452">
        <v>-1.1000000000000001</v>
      </c>
      <c r="I25" s="452">
        <v>101.6</v>
      </c>
      <c r="J25" s="452">
        <v>5.2</v>
      </c>
      <c r="K25" s="452">
        <v>96.6</v>
      </c>
      <c r="L25" s="452">
        <v>-5.6</v>
      </c>
      <c r="M25" s="452">
        <v>104.9</v>
      </c>
      <c r="N25" s="452">
        <v>-0.8</v>
      </c>
      <c r="O25" s="452">
        <v>89.6</v>
      </c>
      <c r="P25" s="452">
        <v>0.3</v>
      </c>
      <c r="Q25" s="452">
        <v>96.3</v>
      </c>
      <c r="R25" s="452">
        <v>4.7</v>
      </c>
      <c r="S25" s="452">
        <v>91</v>
      </c>
      <c r="T25" s="452">
        <v>-2.6</v>
      </c>
      <c r="U25" s="452">
        <v>104.8</v>
      </c>
      <c r="V25" s="452">
        <v>0.4</v>
      </c>
      <c r="W25" s="452">
        <v>95.6</v>
      </c>
      <c r="X25" s="452">
        <v>-5.0999999999999996</v>
      </c>
      <c r="Y25" s="452">
        <v>135.19999999999999</v>
      </c>
      <c r="Z25" s="452">
        <v>9.1999999999999993</v>
      </c>
      <c r="AA25" s="452">
        <v>98</v>
      </c>
      <c r="AB25" s="452">
        <v>-1</v>
      </c>
      <c r="AC25" s="452">
        <v>84.8</v>
      </c>
      <c r="AD25" s="452">
        <v>-1.2</v>
      </c>
      <c r="AE25" s="452">
        <v>94.2</v>
      </c>
      <c r="AF25" s="452">
        <v>-4.7</v>
      </c>
      <c r="AG25" s="452">
        <v>91.4</v>
      </c>
      <c r="AH25" s="452">
        <v>-4.3</v>
      </c>
      <c r="AI25" s="452">
        <v>91</v>
      </c>
      <c r="AJ25" s="452">
        <v>-4.3</v>
      </c>
      <c r="AK25" s="502"/>
    </row>
    <row r="26" spans="1:37" s="424" customFormat="1" ht="13.5" customHeight="1" x14ac:dyDescent="0.15">
      <c r="A26" s="615"/>
      <c r="B26" s="680"/>
      <c r="C26" s="448"/>
      <c r="D26" s="455"/>
      <c r="E26" s="452"/>
      <c r="F26" s="453"/>
      <c r="G26" s="452"/>
      <c r="H26" s="452"/>
      <c r="I26" s="452"/>
      <c r="J26" s="452"/>
      <c r="K26" s="452"/>
      <c r="L26" s="452"/>
      <c r="M26" s="452"/>
      <c r="N26" s="452"/>
      <c r="O26" s="452"/>
      <c r="P26" s="452"/>
      <c r="Q26" s="452"/>
      <c r="R26" s="452"/>
      <c r="S26" s="452"/>
      <c r="T26" s="452"/>
      <c r="U26" s="493"/>
      <c r="V26" s="452"/>
      <c r="W26" s="493"/>
      <c r="X26" s="452"/>
      <c r="Y26" s="493"/>
      <c r="Z26" s="452"/>
      <c r="AA26" s="493"/>
      <c r="AB26" s="452"/>
      <c r="AC26" s="452"/>
      <c r="AD26" s="452"/>
      <c r="AE26" s="452"/>
      <c r="AF26" s="452"/>
      <c r="AG26" s="452"/>
      <c r="AH26" s="452"/>
      <c r="AI26" s="493"/>
      <c r="AJ26" s="452"/>
      <c r="AK26" s="502"/>
    </row>
    <row r="27" spans="1:37" s="424" customFormat="1" ht="14.25" customHeight="1" x14ac:dyDescent="0.15">
      <c r="A27" s="615"/>
      <c r="B27" s="680"/>
      <c r="C27" s="448" t="s">
        <v>238</v>
      </c>
      <c r="D27" s="455" t="s">
        <v>231</v>
      </c>
      <c r="E27" s="450">
        <v>97.1</v>
      </c>
      <c r="F27" s="451">
        <v>-0.2</v>
      </c>
      <c r="G27" s="450">
        <v>105.7</v>
      </c>
      <c r="H27" s="450">
        <v>-0.8</v>
      </c>
      <c r="I27" s="450">
        <v>105.4</v>
      </c>
      <c r="J27" s="450">
        <v>6.6</v>
      </c>
      <c r="K27" s="450">
        <v>97.4</v>
      </c>
      <c r="L27" s="450">
        <v>-4.9000000000000004</v>
      </c>
      <c r="M27" s="450">
        <v>103.6</v>
      </c>
      <c r="N27" s="450">
        <v>-3.9</v>
      </c>
      <c r="O27" s="450">
        <v>91.4</v>
      </c>
      <c r="P27" s="450">
        <v>0.4</v>
      </c>
      <c r="Q27" s="450">
        <v>97</v>
      </c>
      <c r="R27" s="450">
        <v>6.9</v>
      </c>
      <c r="S27" s="450">
        <v>93.3</v>
      </c>
      <c r="T27" s="450">
        <v>-0.5</v>
      </c>
      <c r="U27" s="450">
        <v>107.6</v>
      </c>
      <c r="V27" s="450">
        <v>6.4</v>
      </c>
      <c r="W27" s="450">
        <v>97.4</v>
      </c>
      <c r="X27" s="450">
        <v>-6.5</v>
      </c>
      <c r="Y27" s="450">
        <v>137.30000000000001</v>
      </c>
      <c r="Z27" s="450">
        <v>10.8</v>
      </c>
      <c r="AA27" s="450">
        <v>95.9</v>
      </c>
      <c r="AB27" s="450">
        <v>-6.4</v>
      </c>
      <c r="AC27" s="450">
        <v>82.5</v>
      </c>
      <c r="AD27" s="450">
        <v>-2.9</v>
      </c>
      <c r="AE27" s="450">
        <v>95.7</v>
      </c>
      <c r="AF27" s="450">
        <v>-5.6</v>
      </c>
      <c r="AG27" s="450">
        <v>93.3</v>
      </c>
      <c r="AH27" s="450">
        <v>-5.7</v>
      </c>
      <c r="AI27" s="450">
        <v>93.5</v>
      </c>
      <c r="AJ27" s="450">
        <v>-3.5</v>
      </c>
      <c r="AK27" s="502"/>
    </row>
    <row r="28" spans="1:37" s="424" customFormat="1" ht="11.25" customHeight="1" x14ac:dyDescent="0.15">
      <c r="A28" s="615"/>
      <c r="B28" s="681"/>
      <c r="C28" s="457"/>
      <c r="D28" s="458"/>
      <c r="E28" s="452"/>
      <c r="F28" s="453"/>
      <c r="G28" s="452"/>
      <c r="H28" s="452"/>
      <c r="I28" s="452"/>
      <c r="J28" s="452"/>
      <c r="K28" s="452"/>
      <c r="L28" s="452"/>
      <c r="M28" s="452"/>
      <c r="N28" s="452"/>
      <c r="O28" s="452"/>
      <c r="P28" s="452"/>
      <c r="Q28" s="452"/>
      <c r="R28" s="452"/>
      <c r="S28" s="452"/>
      <c r="T28" s="452"/>
      <c r="U28" s="452"/>
      <c r="V28" s="452"/>
      <c r="W28" s="452"/>
      <c r="X28" s="452"/>
      <c r="Y28" s="452"/>
      <c r="Z28" s="452"/>
      <c r="AA28" s="452"/>
      <c r="AB28" s="452"/>
      <c r="AC28" s="452"/>
      <c r="AD28" s="452"/>
      <c r="AE28" s="452"/>
      <c r="AF28" s="452"/>
      <c r="AG28" s="452"/>
      <c r="AH28" s="452"/>
      <c r="AI28" s="452"/>
      <c r="AJ28" s="452"/>
      <c r="AK28" s="502"/>
    </row>
    <row r="29" spans="1:37" s="424" customFormat="1" ht="11.25" customHeight="1" x14ac:dyDescent="0.15">
      <c r="A29" s="615"/>
      <c r="B29" s="459"/>
      <c r="C29" s="460"/>
      <c r="D29" s="461"/>
      <c r="E29" s="462"/>
      <c r="F29" s="463"/>
      <c r="G29" s="462"/>
      <c r="H29" s="462"/>
      <c r="I29" s="462"/>
      <c r="J29" s="462"/>
      <c r="K29" s="462"/>
      <c r="L29" s="462"/>
      <c r="M29" s="462"/>
      <c r="N29" s="462"/>
      <c r="O29" s="462"/>
      <c r="P29" s="462"/>
      <c r="Q29" s="462"/>
      <c r="R29" s="462"/>
      <c r="S29" s="462"/>
      <c r="T29" s="462"/>
      <c r="U29" s="462"/>
      <c r="V29" s="462"/>
      <c r="W29" s="462"/>
      <c r="X29" s="462"/>
      <c r="Y29" s="462"/>
      <c r="Z29" s="462"/>
      <c r="AA29" s="462"/>
      <c r="AB29" s="462"/>
      <c r="AC29" s="462"/>
      <c r="AD29" s="462"/>
      <c r="AE29" s="462"/>
      <c r="AF29" s="462"/>
      <c r="AG29" s="462"/>
      <c r="AH29" s="462"/>
      <c r="AI29" s="462"/>
      <c r="AJ29" s="462"/>
      <c r="AK29" s="504"/>
    </row>
    <row r="30" spans="1:37" s="424" customFormat="1" ht="13.5" customHeight="1" x14ac:dyDescent="0.15">
      <c r="A30" s="615"/>
      <c r="B30" s="472"/>
      <c r="C30" s="448" t="s">
        <v>226</v>
      </c>
      <c r="D30" s="449" t="s">
        <v>227</v>
      </c>
      <c r="E30" s="450">
        <v>102.6</v>
      </c>
      <c r="F30" s="451">
        <v>-1.8</v>
      </c>
      <c r="G30" s="450">
        <v>100.5</v>
      </c>
      <c r="H30" s="450">
        <v>5.9</v>
      </c>
      <c r="I30" s="450">
        <v>102.3</v>
      </c>
      <c r="J30" s="450">
        <v>-1.6</v>
      </c>
      <c r="K30" s="450">
        <v>105</v>
      </c>
      <c r="L30" s="450">
        <v>0.5</v>
      </c>
      <c r="M30" s="450">
        <v>103.8</v>
      </c>
      <c r="N30" s="450">
        <v>-12</v>
      </c>
      <c r="O30" s="450">
        <v>100.3</v>
      </c>
      <c r="P30" s="450">
        <v>8.1</v>
      </c>
      <c r="Q30" s="450">
        <v>102.5</v>
      </c>
      <c r="R30" s="450">
        <v>-1.9</v>
      </c>
      <c r="S30" s="450">
        <v>107.3</v>
      </c>
      <c r="T30" s="450">
        <v>-3.9</v>
      </c>
      <c r="U30" s="450">
        <v>103.7</v>
      </c>
      <c r="V30" s="450">
        <v>4.5</v>
      </c>
      <c r="W30" s="450">
        <v>101</v>
      </c>
      <c r="X30" s="450">
        <v>-2.5</v>
      </c>
      <c r="Y30" s="450">
        <v>104.1</v>
      </c>
      <c r="Z30" s="450">
        <v>3.1</v>
      </c>
      <c r="AA30" s="450">
        <v>101.4</v>
      </c>
      <c r="AB30" s="450">
        <v>-1.2</v>
      </c>
      <c r="AC30" s="450">
        <v>94.7</v>
      </c>
      <c r="AD30" s="450">
        <v>-2.9</v>
      </c>
      <c r="AE30" s="450">
        <v>106.3</v>
      </c>
      <c r="AF30" s="450">
        <v>-0.1</v>
      </c>
      <c r="AG30" s="450">
        <v>108.6</v>
      </c>
      <c r="AH30" s="450">
        <v>1.6</v>
      </c>
      <c r="AI30" s="450">
        <v>105.7</v>
      </c>
      <c r="AJ30" s="450">
        <v>-4.3</v>
      </c>
      <c r="AK30" s="502"/>
    </row>
    <row r="31" spans="1:37" s="454" customFormat="1" ht="13.5" customHeight="1" x14ac:dyDescent="0.15">
      <c r="A31" s="615"/>
      <c r="B31" s="479"/>
      <c r="C31" s="448" t="s">
        <v>226</v>
      </c>
      <c r="D31" s="449" t="s">
        <v>228</v>
      </c>
      <c r="E31" s="452">
        <v>100</v>
      </c>
      <c r="F31" s="453">
        <v>-2.5</v>
      </c>
      <c r="G31" s="452">
        <v>100</v>
      </c>
      <c r="H31" s="452">
        <v>-0.4</v>
      </c>
      <c r="I31" s="452">
        <v>100</v>
      </c>
      <c r="J31" s="452">
        <v>-2.2000000000000002</v>
      </c>
      <c r="K31" s="452">
        <v>100</v>
      </c>
      <c r="L31" s="452">
        <v>-4.7</v>
      </c>
      <c r="M31" s="452">
        <v>100</v>
      </c>
      <c r="N31" s="452">
        <v>-3.7</v>
      </c>
      <c r="O31" s="452">
        <v>100</v>
      </c>
      <c r="P31" s="452">
        <v>-0.2</v>
      </c>
      <c r="Q31" s="452">
        <v>100</v>
      </c>
      <c r="R31" s="452">
        <v>-2.2999999999999998</v>
      </c>
      <c r="S31" s="452">
        <v>100</v>
      </c>
      <c r="T31" s="452">
        <v>-6.8</v>
      </c>
      <c r="U31" s="452">
        <v>100</v>
      </c>
      <c r="V31" s="452">
        <v>-3.5</v>
      </c>
      <c r="W31" s="452">
        <v>100</v>
      </c>
      <c r="X31" s="452">
        <v>-0.9</v>
      </c>
      <c r="Y31" s="452">
        <v>100</v>
      </c>
      <c r="Z31" s="452">
        <v>-3.9</v>
      </c>
      <c r="AA31" s="452">
        <v>100</v>
      </c>
      <c r="AB31" s="452">
        <v>-1.2</v>
      </c>
      <c r="AC31" s="452">
        <v>100</v>
      </c>
      <c r="AD31" s="452">
        <v>5.7</v>
      </c>
      <c r="AE31" s="452">
        <v>100</v>
      </c>
      <c r="AF31" s="452">
        <v>-5.8</v>
      </c>
      <c r="AG31" s="452">
        <v>100</v>
      </c>
      <c r="AH31" s="452">
        <v>-7.8</v>
      </c>
      <c r="AI31" s="452">
        <v>100</v>
      </c>
      <c r="AJ31" s="452">
        <v>-5.3</v>
      </c>
      <c r="AK31" s="502"/>
    </row>
    <row r="32" spans="1:37" s="424" customFormat="1" ht="13.5" customHeight="1" x14ac:dyDescent="0.15">
      <c r="A32" s="615"/>
      <c r="B32" s="472"/>
      <c r="C32" s="448" t="s">
        <v>226</v>
      </c>
      <c r="D32" s="449" t="s">
        <v>229</v>
      </c>
      <c r="E32" s="503">
        <v>100.1</v>
      </c>
      <c r="F32" s="505">
        <v>0.1</v>
      </c>
      <c r="G32" s="503">
        <v>105.8</v>
      </c>
      <c r="H32" s="503">
        <v>5.8</v>
      </c>
      <c r="I32" s="503">
        <v>103.2</v>
      </c>
      <c r="J32" s="503">
        <v>3.2</v>
      </c>
      <c r="K32" s="503">
        <v>96</v>
      </c>
      <c r="L32" s="503">
        <v>-4</v>
      </c>
      <c r="M32" s="503">
        <v>107.3</v>
      </c>
      <c r="N32" s="503">
        <v>7.3</v>
      </c>
      <c r="O32" s="503">
        <v>91.2</v>
      </c>
      <c r="P32" s="503">
        <v>-8.8000000000000007</v>
      </c>
      <c r="Q32" s="503">
        <v>97.6</v>
      </c>
      <c r="R32" s="503">
        <v>-2.4</v>
      </c>
      <c r="S32" s="503">
        <v>98.9</v>
      </c>
      <c r="T32" s="503">
        <v>-1.1000000000000001</v>
      </c>
      <c r="U32" s="503">
        <v>107.4</v>
      </c>
      <c r="V32" s="503">
        <v>7.4</v>
      </c>
      <c r="W32" s="503">
        <v>103.8</v>
      </c>
      <c r="X32" s="503">
        <v>3.8</v>
      </c>
      <c r="Y32" s="503">
        <v>111.7</v>
      </c>
      <c r="Z32" s="503">
        <v>11.7</v>
      </c>
      <c r="AA32" s="503">
        <v>94.8</v>
      </c>
      <c r="AB32" s="503">
        <v>-5.2</v>
      </c>
      <c r="AC32" s="503">
        <v>103.3</v>
      </c>
      <c r="AD32" s="503">
        <v>3.3</v>
      </c>
      <c r="AE32" s="503">
        <v>94.9</v>
      </c>
      <c r="AF32" s="503">
        <v>-5.0999999999999996</v>
      </c>
      <c r="AG32" s="503">
        <v>98</v>
      </c>
      <c r="AH32" s="503">
        <v>-2</v>
      </c>
      <c r="AI32" s="503">
        <v>100.4</v>
      </c>
      <c r="AJ32" s="503">
        <v>0.4</v>
      </c>
      <c r="AK32" s="502"/>
    </row>
    <row r="33" spans="1:37" s="454" customFormat="1" ht="13.5" customHeight="1" x14ac:dyDescent="0.15">
      <c r="A33" s="615"/>
      <c r="B33" s="479"/>
      <c r="C33" s="448" t="s">
        <v>226</v>
      </c>
      <c r="D33" s="449" t="s">
        <v>230</v>
      </c>
      <c r="E33" s="452">
        <v>95.7</v>
      </c>
      <c r="F33" s="453">
        <v>-4.4000000000000004</v>
      </c>
      <c r="G33" s="452">
        <v>102.8</v>
      </c>
      <c r="H33" s="452">
        <v>-2.8</v>
      </c>
      <c r="I33" s="452">
        <v>95.6</v>
      </c>
      <c r="J33" s="452">
        <v>-7.4</v>
      </c>
      <c r="K33" s="452">
        <v>99.7</v>
      </c>
      <c r="L33" s="452">
        <v>3.9</v>
      </c>
      <c r="M33" s="452">
        <v>107.4</v>
      </c>
      <c r="N33" s="452">
        <v>0.1</v>
      </c>
      <c r="O33" s="452">
        <v>83.6</v>
      </c>
      <c r="P33" s="452">
        <v>-8.3000000000000007</v>
      </c>
      <c r="Q33" s="452">
        <v>94.6</v>
      </c>
      <c r="R33" s="452">
        <v>-3.1</v>
      </c>
      <c r="S33" s="452">
        <v>92.5</v>
      </c>
      <c r="T33" s="452">
        <v>-6.5</v>
      </c>
      <c r="U33" s="452">
        <v>114.2</v>
      </c>
      <c r="V33" s="452">
        <v>6.3</v>
      </c>
      <c r="W33" s="452">
        <v>102.7</v>
      </c>
      <c r="X33" s="452">
        <v>-1.1000000000000001</v>
      </c>
      <c r="Y33" s="452">
        <v>126.7</v>
      </c>
      <c r="Z33" s="452">
        <v>13.4</v>
      </c>
      <c r="AA33" s="452">
        <v>92.1</v>
      </c>
      <c r="AB33" s="452">
        <v>-2.8</v>
      </c>
      <c r="AC33" s="452">
        <v>84.5</v>
      </c>
      <c r="AD33" s="452">
        <v>-18.2</v>
      </c>
      <c r="AE33" s="452">
        <v>101.4</v>
      </c>
      <c r="AF33" s="452">
        <v>6.8</v>
      </c>
      <c r="AG33" s="466">
        <v>92.7</v>
      </c>
      <c r="AH33" s="452">
        <v>-5.4</v>
      </c>
      <c r="AI33" s="452">
        <v>92.6</v>
      </c>
      <c r="AJ33" s="452">
        <v>-7.8</v>
      </c>
      <c r="AK33" s="502"/>
    </row>
    <row r="34" spans="1:37" s="424" customFormat="1" ht="13.5" customHeight="1" x14ac:dyDescent="0.15">
      <c r="A34" s="615"/>
      <c r="B34" s="472"/>
      <c r="C34" s="448"/>
      <c r="D34" s="449"/>
      <c r="E34" s="452"/>
      <c r="F34" s="453"/>
      <c r="G34" s="452"/>
      <c r="H34" s="452"/>
      <c r="I34" s="452"/>
      <c r="J34" s="452"/>
      <c r="K34" s="452"/>
      <c r="L34" s="452"/>
      <c r="M34" s="452"/>
      <c r="N34" s="452"/>
      <c r="O34" s="452"/>
      <c r="P34" s="452"/>
      <c r="Q34" s="452"/>
      <c r="R34" s="452"/>
      <c r="S34" s="452"/>
      <c r="T34" s="452"/>
      <c r="U34" s="452"/>
      <c r="V34" s="452"/>
      <c r="W34" s="452"/>
      <c r="X34" s="452"/>
      <c r="Y34" s="452"/>
      <c r="Z34" s="452"/>
      <c r="AA34" s="452"/>
      <c r="AB34" s="452"/>
      <c r="AC34" s="452"/>
      <c r="AD34" s="452"/>
      <c r="AE34" s="452"/>
      <c r="AF34" s="452"/>
      <c r="AG34" s="466"/>
      <c r="AH34" s="466"/>
      <c r="AI34" s="452"/>
      <c r="AJ34" s="452"/>
      <c r="AK34" s="502"/>
    </row>
    <row r="35" spans="1:37" s="424" customFormat="1" ht="15" customHeight="1" x14ac:dyDescent="0.15">
      <c r="A35" s="615"/>
      <c r="B35" s="682" t="s">
        <v>47</v>
      </c>
      <c r="C35" s="448" t="s">
        <v>207</v>
      </c>
      <c r="D35" s="455" t="s">
        <v>231</v>
      </c>
      <c r="E35" s="450">
        <v>96.7</v>
      </c>
      <c r="F35" s="451">
        <v>-4.3</v>
      </c>
      <c r="G35" s="450">
        <v>100.2</v>
      </c>
      <c r="H35" s="450">
        <v>-7</v>
      </c>
      <c r="I35" s="450">
        <v>97.3</v>
      </c>
      <c r="J35" s="450">
        <v>-5.7</v>
      </c>
      <c r="K35" s="450">
        <v>100.2</v>
      </c>
      <c r="L35" s="450">
        <v>3.6</v>
      </c>
      <c r="M35" s="450">
        <v>109</v>
      </c>
      <c r="N35" s="450">
        <v>-1.7</v>
      </c>
      <c r="O35" s="450">
        <v>83.7</v>
      </c>
      <c r="P35" s="450">
        <v>-7.1</v>
      </c>
      <c r="Q35" s="450">
        <v>94.8</v>
      </c>
      <c r="R35" s="450">
        <v>-5.8</v>
      </c>
      <c r="S35" s="450">
        <v>92.7</v>
      </c>
      <c r="T35" s="450">
        <v>-8.4</v>
      </c>
      <c r="U35" s="450">
        <v>110.5</v>
      </c>
      <c r="V35" s="450">
        <v>1.3</v>
      </c>
      <c r="W35" s="450">
        <v>104.5</v>
      </c>
      <c r="X35" s="450">
        <v>1.1000000000000001</v>
      </c>
      <c r="Y35" s="450">
        <v>134.30000000000001</v>
      </c>
      <c r="Z35" s="450">
        <v>21.8</v>
      </c>
      <c r="AA35" s="450">
        <v>93.7</v>
      </c>
      <c r="AB35" s="450">
        <v>-4.2</v>
      </c>
      <c r="AC35" s="450">
        <v>82.8</v>
      </c>
      <c r="AD35" s="450">
        <v>-18.100000000000001</v>
      </c>
      <c r="AE35" s="450">
        <v>104.8</v>
      </c>
      <c r="AF35" s="450">
        <v>7.8</v>
      </c>
      <c r="AG35" s="465">
        <v>94.9</v>
      </c>
      <c r="AH35" s="450">
        <v>-6.2</v>
      </c>
      <c r="AI35" s="450">
        <v>91.9</v>
      </c>
      <c r="AJ35" s="450">
        <v>-10.9</v>
      </c>
      <c r="AK35" s="502"/>
    </row>
    <row r="36" spans="1:37" s="454" customFormat="1" ht="15" customHeight="1" x14ac:dyDescent="0.15">
      <c r="A36" s="615"/>
      <c r="B36" s="682"/>
      <c r="C36" s="456" t="s">
        <v>0</v>
      </c>
      <c r="D36" s="455" t="s">
        <v>232</v>
      </c>
      <c r="E36" s="452">
        <v>95</v>
      </c>
      <c r="F36" s="453">
        <v>-5.0999999999999996</v>
      </c>
      <c r="G36" s="452">
        <v>101.2</v>
      </c>
      <c r="H36" s="452">
        <v>-6.8</v>
      </c>
      <c r="I36" s="452">
        <v>96.2</v>
      </c>
      <c r="J36" s="452">
        <v>-6.2</v>
      </c>
      <c r="K36" s="452">
        <v>98.5</v>
      </c>
      <c r="L36" s="452">
        <v>2.9</v>
      </c>
      <c r="M36" s="452">
        <v>106.2</v>
      </c>
      <c r="N36" s="452">
        <v>-1.8</v>
      </c>
      <c r="O36" s="452">
        <v>80.7</v>
      </c>
      <c r="P36" s="452">
        <v>-11.9</v>
      </c>
      <c r="Q36" s="452">
        <v>94.3</v>
      </c>
      <c r="R36" s="452">
        <v>-6</v>
      </c>
      <c r="S36" s="452">
        <v>93.1</v>
      </c>
      <c r="T36" s="452">
        <v>-3.8</v>
      </c>
      <c r="U36" s="452">
        <v>112.2</v>
      </c>
      <c r="V36" s="452">
        <v>4.3</v>
      </c>
      <c r="W36" s="452">
        <v>101.9</v>
      </c>
      <c r="X36" s="452">
        <v>-1.5</v>
      </c>
      <c r="Y36" s="452">
        <v>120.2</v>
      </c>
      <c r="Z36" s="452">
        <v>6.7</v>
      </c>
      <c r="AA36" s="452">
        <v>92.1</v>
      </c>
      <c r="AB36" s="452">
        <v>-2.6</v>
      </c>
      <c r="AC36" s="452">
        <v>82.9</v>
      </c>
      <c r="AD36" s="452">
        <v>-16.899999999999999</v>
      </c>
      <c r="AE36" s="452">
        <v>102.7</v>
      </c>
      <c r="AF36" s="452">
        <v>8.1999999999999993</v>
      </c>
      <c r="AG36" s="466">
        <v>93.7</v>
      </c>
      <c r="AH36" s="466">
        <v>-3.9</v>
      </c>
      <c r="AI36" s="452">
        <v>92.1</v>
      </c>
      <c r="AJ36" s="452">
        <v>-8.1</v>
      </c>
      <c r="AK36" s="502"/>
    </row>
    <row r="37" spans="1:37" s="424" customFormat="1" ht="15" customHeight="1" x14ac:dyDescent="0.15">
      <c r="A37" s="615"/>
      <c r="B37" s="682"/>
      <c r="C37" s="456" t="s">
        <v>0</v>
      </c>
      <c r="D37" s="455" t="s">
        <v>233</v>
      </c>
      <c r="E37" s="450">
        <v>95.1</v>
      </c>
      <c r="F37" s="451">
        <v>-3.9</v>
      </c>
      <c r="G37" s="450">
        <v>100</v>
      </c>
      <c r="H37" s="450">
        <v>-7.8</v>
      </c>
      <c r="I37" s="450">
        <v>93.1</v>
      </c>
      <c r="J37" s="450">
        <v>-9</v>
      </c>
      <c r="K37" s="450">
        <v>97.8</v>
      </c>
      <c r="L37" s="450">
        <v>3.2</v>
      </c>
      <c r="M37" s="450">
        <v>103</v>
      </c>
      <c r="N37" s="450">
        <v>-4.2</v>
      </c>
      <c r="O37" s="450">
        <v>78.099999999999994</v>
      </c>
      <c r="P37" s="450">
        <v>-10.199999999999999</v>
      </c>
      <c r="Q37" s="450">
        <v>97.2</v>
      </c>
      <c r="R37" s="450">
        <v>-5</v>
      </c>
      <c r="S37" s="450">
        <v>92.4</v>
      </c>
      <c r="T37" s="450">
        <v>-7.4</v>
      </c>
      <c r="U37" s="450">
        <v>117.1</v>
      </c>
      <c r="V37" s="450">
        <v>11.2</v>
      </c>
      <c r="W37" s="450">
        <v>103.2</v>
      </c>
      <c r="X37" s="450">
        <v>0.8</v>
      </c>
      <c r="Y37" s="450">
        <v>133</v>
      </c>
      <c r="Z37" s="450">
        <v>20.7</v>
      </c>
      <c r="AA37" s="450">
        <v>92.7</v>
      </c>
      <c r="AB37" s="450">
        <v>-2.9</v>
      </c>
      <c r="AC37" s="450">
        <v>83.9</v>
      </c>
      <c r="AD37" s="450">
        <v>-14.3</v>
      </c>
      <c r="AE37" s="450">
        <v>103.5</v>
      </c>
      <c r="AF37" s="450">
        <v>12.3</v>
      </c>
      <c r="AG37" s="465">
        <v>88.7</v>
      </c>
      <c r="AH37" s="465">
        <v>4.5999999999999996</v>
      </c>
      <c r="AI37" s="450">
        <v>91.2</v>
      </c>
      <c r="AJ37" s="450">
        <v>-8.1999999999999993</v>
      </c>
      <c r="AK37" s="502"/>
    </row>
    <row r="38" spans="1:37" s="454" customFormat="1" ht="15" customHeight="1" x14ac:dyDescent="0.15">
      <c r="A38" s="615"/>
      <c r="B38" s="682"/>
      <c r="C38" s="456" t="s">
        <v>0</v>
      </c>
      <c r="D38" s="455" t="s">
        <v>234</v>
      </c>
      <c r="E38" s="452">
        <v>95.4</v>
      </c>
      <c r="F38" s="453">
        <v>-3.1</v>
      </c>
      <c r="G38" s="452">
        <v>102.3</v>
      </c>
      <c r="H38" s="452">
        <v>-5.2</v>
      </c>
      <c r="I38" s="452">
        <v>93.9</v>
      </c>
      <c r="J38" s="452">
        <v>-8.8000000000000007</v>
      </c>
      <c r="K38" s="452">
        <v>98.3</v>
      </c>
      <c r="L38" s="452">
        <v>2.7</v>
      </c>
      <c r="M38" s="452">
        <v>104.4</v>
      </c>
      <c r="N38" s="452">
        <v>2.2000000000000002</v>
      </c>
      <c r="O38" s="452">
        <v>82.6</v>
      </c>
      <c r="P38" s="452">
        <v>-8.6999999999999993</v>
      </c>
      <c r="Q38" s="452">
        <v>95.1</v>
      </c>
      <c r="R38" s="452">
        <v>6</v>
      </c>
      <c r="S38" s="452">
        <v>94</v>
      </c>
      <c r="T38" s="452">
        <v>-0.7</v>
      </c>
      <c r="U38" s="452">
        <v>115.5</v>
      </c>
      <c r="V38" s="452">
        <v>8.6999999999999993</v>
      </c>
      <c r="W38" s="452">
        <v>101</v>
      </c>
      <c r="X38" s="452">
        <v>-3</v>
      </c>
      <c r="Y38" s="452">
        <v>126.7</v>
      </c>
      <c r="Z38" s="452">
        <v>14.7</v>
      </c>
      <c r="AA38" s="452">
        <v>92.3</v>
      </c>
      <c r="AB38" s="452">
        <v>-1.3</v>
      </c>
      <c r="AC38" s="452">
        <v>84.2</v>
      </c>
      <c r="AD38" s="452">
        <v>-15.9</v>
      </c>
      <c r="AE38" s="452">
        <v>103</v>
      </c>
      <c r="AF38" s="452">
        <v>9.1</v>
      </c>
      <c r="AG38" s="466">
        <v>91.5</v>
      </c>
      <c r="AH38" s="466">
        <v>1.1000000000000001</v>
      </c>
      <c r="AI38" s="452">
        <v>93.1</v>
      </c>
      <c r="AJ38" s="452">
        <v>-7</v>
      </c>
      <c r="AK38" s="502"/>
    </row>
    <row r="39" spans="1:37" s="424" customFormat="1" ht="15" customHeight="1" x14ac:dyDescent="0.15">
      <c r="A39" s="615"/>
      <c r="B39" s="682"/>
      <c r="C39" s="456" t="s">
        <v>0</v>
      </c>
      <c r="D39" s="455" t="s">
        <v>235</v>
      </c>
      <c r="E39" s="450">
        <v>94.4</v>
      </c>
      <c r="F39" s="451">
        <v>-6.1</v>
      </c>
      <c r="G39" s="450">
        <v>101.9</v>
      </c>
      <c r="H39" s="450">
        <v>-4.9000000000000004</v>
      </c>
      <c r="I39" s="450">
        <v>95</v>
      </c>
      <c r="J39" s="450">
        <v>-8.4</v>
      </c>
      <c r="K39" s="450">
        <v>98.8</v>
      </c>
      <c r="L39" s="450">
        <v>1.9</v>
      </c>
      <c r="M39" s="450">
        <v>107.5</v>
      </c>
      <c r="N39" s="450">
        <v>1.9</v>
      </c>
      <c r="O39" s="450">
        <v>80.900000000000006</v>
      </c>
      <c r="P39" s="450">
        <v>-13.8</v>
      </c>
      <c r="Q39" s="450">
        <v>97.2</v>
      </c>
      <c r="R39" s="450">
        <v>2.1</v>
      </c>
      <c r="S39" s="450">
        <v>93.7</v>
      </c>
      <c r="T39" s="450">
        <v>-5.5</v>
      </c>
      <c r="U39" s="450">
        <v>113.6</v>
      </c>
      <c r="V39" s="450">
        <v>8.6</v>
      </c>
      <c r="W39" s="450">
        <v>99</v>
      </c>
      <c r="X39" s="450">
        <v>-5.7</v>
      </c>
      <c r="Y39" s="450">
        <v>107.5</v>
      </c>
      <c r="Z39" s="450">
        <v>-5.7</v>
      </c>
      <c r="AA39" s="450">
        <v>88.8</v>
      </c>
      <c r="AB39" s="450">
        <v>-7.2</v>
      </c>
      <c r="AC39" s="450">
        <v>86.1</v>
      </c>
      <c r="AD39" s="450">
        <v>-18.899999999999999</v>
      </c>
      <c r="AE39" s="450">
        <v>98.6</v>
      </c>
      <c r="AF39" s="450">
        <v>5</v>
      </c>
      <c r="AG39" s="465">
        <v>92.8</v>
      </c>
      <c r="AH39" s="465">
        <v>-9</v>
      </c>
      <c r="AI39" s="450">
        <v>91.7</v>
      </c>
      <c r="AJ39" s="450">
        <v>-10.1</v>
      </c>
      <c r="AK39" s="502"/>
    </row>
    <row r="40" spans="1:37" s="454" customFormat="1" ht="15" customHeight="1" x14ac:dyDescent="0.15">
      <c r="A40" s="615"/>
      <c r="B40" s="23">
        <v>30</v>
      </c>
      <c r="C40" s="456" t="s">
        <v>0</v>
      </c>
      <c r="D40" s="455" t="s">
        <v>236</v>
      </c>
      <c r="E40" s="452">
        <v>94.5</v>
      </c>
      <c r="F40" s="453">
        <v>-4.8</v>
      </c>
      <c r="G40" s="452">
        <v>103.6</v>
      </c>
      <c r="H40" s="452">
        <v>-5.9</v>
      </c>
      <c r="I40" s="452">
        <v>93.7</v>
      </c>
      <c r="J40" s="452">
        <v>-10.3</v>
      </c>
      <c r="K40" s="452">
        <v>99</v>
      </c>
      <c r="L40" s="452">
        <v>2.7</v>
      </c>
      <c r="M40" s="452">
        <v>107.8</v>
      </c>
      <c r="N40" s="452">
        <v>1.9</v>
      </c>
      <c r="O40" s="452">
        <v>83.4</v>
      </c>
      <c r="P40" s="452">
        <v>-6.4</v>
      </c>
      <c r="Q40" s="452">
        <v>96.4</v>
      </c>
      <c r="R40" s="452">
        <v>6.3</v>
      </c>
      <c r="S40" s="452">
        <v>92</v>
      </c>
      <c r="T40" s="452">
        <v>-7.4</v>
      </c>
      <c r="U40" s="452">
        <v>117.6</v>
      </c>
      <c r="V40" s="452">
        <v>8</v>
      </c>
      <c r="W40" s="452">
        <v>104.3</v>
      </c>
      <c r="X40" s="452">
        <v>-0.7</v>
      </c>
      <c r="Y40" s="452">
        <v>104.7</v>
      </c>
      <c r="Z40" s="452">
        <v>-8.1</v>
      </c>
      <c r="AA40" s="452">
        <v>95.6</v>
      </c>
      <c r="AB40" s="452">
        <v>-0.9</v>
      </c>
      <c r="AC40" s="452">
        <v>84.8</v>
      </c>
      <c r="AD40" s="452">
        <v>-14.1</v>
      </c>
      <c r="AE40" s="452">
        <v>96.5</v>
      </c>
      <c r="AF40" s="452">
        <v>2</v>
      </c>
      <c r="AG40" s="466">
        <v>92.6</v>
      </c>
      <c r="AH40" s="466">
        <v>-4.8</v>
      </c>
      <c r="AI40" s="452">
        <v>91.9</v>
      </c>
      <c r="AJ40" s="452">
        <v>-8.9</v>
      </c>
      <c r="AK40" s="502"/>
    </row>
    <row r="41" spans="1:37" s="424" customFormat="1" ht="15" customHeight="1" x14ac:dyDescent="0.15">
      <c r="A41" s="615"/>
      <c r="B41" s="683" t="s">
        <v>208</v>
      </c>
      <c r="C41" s="456" t="s">
        <v>0</v>
      </c>
      <c r="D41" s="455" t="s">
        <v>237</v>
      </c>
      <c r="E41" s="450">
        <v>95.1</v>
      </c>
      <c r="F41" s="451">
        <v>-4.5</v>
      </c>
      <c r="G41" s="450">
        <v>101.4</v>
      </c>
      <c r="H41" s="450">
        <v>-6</v>
      </c>
      <c r="I41" s="450">
        <v>95.1</v>
      </c>
      <c r="J41" s="450">
        <v>-8</v>
      </c>
      <c r="K41" s="450">
        <v>97.9</v>
      </c>
      <c r="L41" s="450">
        <v>0</v>
      </c>
      <c r="M41" s="450">
        <v>105.4</v>
      </c>
      <c r="N41" s="450">
        <v>0</v>
      </c>
      <c r="O41" s="450">
        <v>83.5</v>
      </c>
      <c r="P41" s="450">
        <v>-13</v>
      </c>
      <c r="Q41" s="450">
        <v>96</v>
      </c>
      <c r="R41" s="450">
        <v>5</v>
      </c>
      <c r="S41" s="450">
        <v>91.6</v>
      </c>
      <c r="T41" s="450">
        <v>-7.1</v>
      </c>
      <c r="U41" s="450">
        <v>116.5</v>
      </c>
      <c r="V41" s="450">
        <v>11.4</v>
      </c>
      <c r="W41" s="450">
        <v>102.2</v>
      </c>
      <c r="X41" s="450">
        <v>-2.6</v>
      </c>
      <c r="Y41" s="450">
        <v>135.19999999999999</v>
      </c>
      <c r="Z41" s="450">
        <v>11</v>
      </c>
      <c r="AA41" s="450">
        <v>90.8</v>
      </c>
      <c r="AB41" s="450">
        <v>-4.3</v>
      </c>
      <c r="AC41" s="450">
        <v>83.9</v>
      </c>
      <c r="AD41" s="450">
        <v>-14.4</v>
      </c>
      <c r="AE41" s="450">
        <v>96.6</v>
      </c>
      <c r="AF41" s="450">
        <v>3.3</v>
      </c>
      <c r="AG41" s="465">
        <v>93.5</v>
      </c>
      <c r="AH41" s="465">
        <v>-7.9</v>
      </c>
      <c r="AI41" s="450">
        <v>94</v>
      </c>
      <c r="AJ41" s="450">
        <v>-7.7</v>
      </c>
      <c r="AK41" s="502"/>
    </row>
    <row r="42" spans="1:37" s="454" customFormat="1" ht="15" customHeight="1" x14ac:dyDescent="0.15">
      <c r="A42" s="615"/>
      <c r="B42" s="683"/>
      <c r="C42" s="456" t="s">
        <v>238</v>
      </c>
      <c r="D42" s="455" t="s">
        <v>239</v>
      </c>
      <c r="E42" s="506">
        <v>96</v>
      </c>
      <c r="F42" s="507">
        <v>-0.1</v>
      </c>
      <c r="G42" s="506">
        <v>90.8</v>
      </c>
      <c r="H42" s="506">
        <v>-12.4</v>
      </c>
      <c r="I42" s="506">
        <v>101.1</v>
      </c>
      <c r="J42" s="506">
        <v>4.4000000000000004</v>
      </c>
      <c r="K42" s="506">
        <v>97.4</v>
      </c>
      <c r="L42" s="506">
        <v>-4.8</v>
      </c>
      <c r="M42" s="506">
        <v>105.3</v>
      </c>
      <c r="N42" s="506">
        <v>-1.3</v>
      </c>
      <c r="O42" s="506">
        <v>84.5</v>
      </c>
      <c r="P42" s="506">
        <v>-4.2</v>
      </c>
      <c r="Q42" s="506">
        <v>101.9</v>
      </c>
      <c r="R42" s="506">
        <v>10.3</v>
      </c>
      <c r="S42" s="506">
        <v>86.4</v>
      </c>
      <c r="T42" s="506">
        <v>-7</v>
      </c>
      <c r="U42" s="506">
        <v>115.3</v>
      </c>
      <c r="V42" s="506">
        <v>2.7</v>
      </c>
      <c r="W42" s="506">
        <v>97.7</v>
      </c>
      <c r="X42" s="506">
        <v>-5.0999999999999996</v>
      </c>
      <c r="Y42" s="506">
        <v>166.2</v>
      </c>
      <c r="Z42" s="506">
        <v>26.1</v>
      </c>
      <c r="AA42" s="506">
        <v>85.1</v>
      </c>
      <c r="AB42" s="506">
        <v>-8.9</v>
      </c>
      <c r="AC42" s="506">
        <v>79</v>
      </c>
      <c r="AD42" s="506">
        <v>-7.7</v>
      </c>
      <c r="AE42" s="506">
        <v>95.8</v>
      </c>
      <c r="AF42" s="506">
        <v>-6</v>
      </c>
      <c r="AG42" s="508">
        <v>88.4</v>
      </c>
      <c r="AH42" s="506">
        <v>-11.6</v>
      </c>
      <c r="AI42" s="506">
        <v>89.6</v>
      </c>
      <c r="AJ42" s="506">
        <v>-0.4</v>
      </c>
      <c r="AK42" s="502"/>
    </row>
    <row r="43" spans="1:37" s="424" customFormat="1" ht="15" customHeight="1" x14ac:dyDescent="0.15">
      <c r="A43" s="615"/>
      <c r="B43" s="683"/>
      <c r="C43" s="456" t="s">
        <v>0</v>
      </c>
      <c r="D43" s="455" t="s">
        <v>240</v>
      </c>
      <c r="E43" s="509">
        <v>96.3</v>
      </c>
      <c r="F43" s="510">
        <v>0.4</v>
      </c>
      <c r="G43" s="509">
        <v>102.2</v>
      </c>
      <c r="H43" s="509">
        <v>-1.4</v>
      </c>
      <c r="I43" s="509">
        <v>102.4</v>
      </c>
      <c r="J43" s="509">
        <v>6.1</v>
      </c>
      <c r="K43" s="509">
        <v>97.9</v>
      </c>
      <c r="L43" s="509">
        <v>-2.2999999999999998</v>
      </c>
      <c r="M43" s="509">
        <v>106.3</v>
      </c>
      <c r="N43" s="509">
        <v>-1.8</v>
      </c>
      <c r="O43" s="509">
        <v>82.1</v>
      </c>
      <c r="P43" s="509">
        <v>-4.5999999999999996</v>
      </c>
      <c r="Q43" s="509">
        <v>104.1</v>
      </c>
      <c r="R43" s="509">
        <v>14.9</v>
      </c>
      <c r="S43" s="509">
        <v>85.3</v>
      </c>
      <c r="T43" s="509">
        <v>-7.2</v>
      </c>
      <c r="U43" s="509">
        <v>111.7</v>
      </c>
      <c r="V43" s="509">
        <v>2.2000000000000002</v>
      </c>
      <c r="W43" s="509">
        <v>99.4</v>
      </c>
      <c r="X43" s="509">
        <v>-4.9000000000000004</v>
      </c>
      <c r="Y43" s="509">
        <v>122.7</v>
      </c>
      <c r="Z43" s="509">
        <v>-3.8</v>
      </c>
      <c r="AA43" s="509">
        <v>88.5</v>
      </c>
      <c r="AB43" s="509">
        <v>-5.0999999999999996</v>
      </c>
      <c r="AC43" s="509">
        <v>82.3</v>
      </c>
      <c r="AD43" s="509">
        <v>-1.9</v>
      </c>
      <c r="AE43" s="509">
        <v>96.8</v>
      </c>
      <c r="AF43" s="509">
        <v>-5.2</v>
      </c>
      <c r="AG43" s="511">
        <v>93.4</v>
      </c>
      <c r="AH43" s="511">
        <v>-4.5</v>
      </c>
      <c r="AI43" s="509">
        <v>89.9</v>
      </c>
      <c r="AJ43" s="509">
        <v>-3.9</v>
      </c>
      <c r="AK43" s="502"/>
    </row>
    <row r="44" spans="1:37" s="454" customFormat="1" ht="15" customHeight="1" x14ac:dyDescent="0.15">
      <c r="A44" s="615"/>
      <c r="B44" s="479"/>
      <c r="C44" s="456" t="s">
        <v>0</v>
      </c>
      <c r="D44" s="455" t="s">
        <v>241</v>
      </c>
      <c r="E44" s="452">
        <v>96.6</v>
      </c>
      <c r="F44" s="453">
        <v>-0.4</v>
      </c>
      <c r="G44" s="452">
        <v>94.4</v>
      </c>
      <c r="H44" s="452">
        <v>-10.9</v>
      </c>
      <c r="I44" s="452">
        <v>104.8</v>
      </c>
      <c r="J44" s="452">
        <v>7.8</v>
      </c>
      <c r="K44" s="452">
        <v>99.8</v>
      </c>
      <c r="L44" s="452">
        <v>-4.8</v>
      </c>
      <c r="M44" s="452">
        <v>106.1</v>
      </c>
      <c r="N44" s="452">
        <v>-4.2</v>
      </c>
      <c r="O44" s="452">
        <v>82.5</v>
      </c>
      <c r="P44" s="452">
        <v>-4.7</v>
      </c>
      <c r="Q44" s="452">
        <v>100.3</v>
      </c>
      <c r="R44" s="452">
        <v>9.9</v>
      </c>
      <c r="S44" s="452">
        <v>86</v>
      </c>
      <c r="T44" s="452">
        <v>-6.3</v>
      </c>
      <c r="U44" s="452">
        <v>114.2</v>
      </c>
      <c r="V44" s="452">
        <v>3.6</v>
      </c>
      <c r="W44" s="452">
        <v>99.3</v>
      </c>
      <c r="X44" s="452">
        <v>-4.2</v>
      </c>
      <c r="Y44" s="452">
        <v>138.9</v>
      </c>
      <c r="Z44" s="452">
        <v>5.8</v>
      </c>
      <c r="AA44" s="452">
        <v>95.1</v>
      </c>
      <c r="AB44" s="452">
        <v>5.3</v>
      </c>
      <c r="AC44" s="452">
        <v>83.9</v>
      </c>
      <c r="AD44" s="452">
        <v>-2.8</v>
      </c>
      <c r="AE44" s="452">
        <v>96.1</v>
      </c>
      <c r="AF44" s="452">
        <v>-6.4</v>
      </c>
      <c r="AG44" s="466">
        <v>92.5</v>
      </c>
      <c r="AH44" s="452">
        <v>2.1</v>
      </c>
      <c r="AI44" s="452">
        <v>90.9</v>
      </c>
      <c r="AJ44" s="452">
        <v>-6.7</v>
      </c>
      <c r="AK44" s="502"/>
    </row>
    <row r="45" spans="1:37" s="424" customFormat="1" ht="15" customHeight="1" x14ac:dyDescent="0.15">
      <c r="A45" s="615"/>
      <c r="B45" s="472"/>
      <c r="C45" s="456" t="s">
        <v>0</v>
      </c>
      <c r="D45" s="455" t="s">
        <v>242</v>
      </c>
      <c r="E45" s="450">
        <v>98.2</v>
      </c>
      <c r="F45" s="451">
        <v>-0.3</v>
      </c>
      <c r="G45" s="450">
        <v>94.3</v>
      </c>
      <c r="H45" s="450">
        <v>-11.5</v>
      </c>
      <c r="I45" s="450">
        <v>102.7</v>
      </c>
      <c r="J45" s="450">
        <v>4.2</v>
      </c>
      <c r="K45" s="450">
        <v>98</v>
      </c>
      <c r="L45" s="450">
        <v>-1.4</v>
      </c>
      <c r="M45" s="450">
        <v>109.1</v>
      </c>
      <c r="N45" s="450">
        <v>-2.5</v>
      </c>
      <c r="O45" s="450">
        <v>87.8</v>
      </c>
      <c r="P45" s="450">
        <v>-1.9</v>
      </c>
      <c r="Q45" s="450">
        <v>103.2</v>
      </c>
      <c r="R45" s="450">
        <v>7.7</v>
      </c>
      <c r="S45" s="450">
        <v>79.5</v>
      </c>
      <c r="T45" s="450">
        <v>-13.6</v>
      </c>
      <c r="U45" s="450">
        <v>119.8</v>
      </c>
      <c r="V45" s="450">
        <v>2.6</v>
      </c>
      <c r="W45" s="450">
        <v>100.6</v>
      </c>
      <c r="X45" s="450">
        <v>-4.5999999999999996</v>
      </c>
      <c r="Y45" s="450">
        <v>164.7</v>
      </c>
      <c r="Z45" s="450">
        <v>23.3</v>
      </c>
      <c r="AA45" s="450">
        <v>100.5</v>
      </c>
      <c r="AB45" s="450">
        <v>10.7</v>
      </c>
      <c r="AC45" s="450">
        <v>82.6</v>
      </c>
      <c r="AD45" s="450">
        <v>-3.7</v>
      </c>
      <c r="AE45" s="450">
        <v>99.3</v>
      </c>
      <c r="AF45" s="450">
        <v>-5.2</v>
      </c>
      <c r="AG45" s="465">
        <v>85</v>
      </c>
      <c r="AH45" s="450">
        <v>-3.4</v>
      </c>
      <c r="AI45" s="450">
        <v>88.8</v>
      </c>
      <c r="AJ45" s="450">
        <v>-5.3</v>
      </c>
      <c r="AK45" s="502"/>
    </row>
    <row r="46" spans="1:37" s="454" customFormat="1" ht="15" customHeight="1" x14ac:dyDescent="0.15">
      <c r="A46" s="615"/>
      <c r="B46" s="479"/>
      <c r="C46" s="456" t="s">
        <v>0</v>
      </c>
      <c r="D46" s="455" t="s">
        <v>243</v>
      </c>
      <c r="E46" s="452">
        <v>96.4</v>
      </c>
      <c r="F46" s="453">
        <v>1.4</v>
      </c>
      <c r="G46" s="452">
        <v>96.4</v>
      </c>
      <c r="H46" s="452">
        <v>-7.2</v>
      </c>
      <c r="I46" s="452">
        <v>101.7</v>
      </c>
      <c r="J46" s="452">
        <v>7.3</v>
      </c>
      <c r="K46" s="452">
        <v>95.4</v>
      </c>
      <c r="L46" s="452">
        <v>-4.5</v>
      </c>
      <c r="M46" s="452">
        <v>106.3</v>
      </c>
      <c r="N46" s="452">
        <v>-1.5</v>
      </c>
      <c r="O46" s="452">
        <v>84.4</v>
      </c>
      <c r="P46" s="452">
        <v>4.5</v>
      </c>
      <c r="Q46" s="452">
        <v>105.3</v>
      </c>
      <c r="R46" s="452">
        <v>11</v>
      </c>
      <c r="S46" s="452">
        <v>83.3</v>
      </c>
      <c r="T46" s="452">
        <v>-10.1</v>
      </c>
      <c r="U46" s="452">
        <v>111.1</v>
      </c>
      <c r="V46" s="452">
        <v>-7.1</v>
      </c>
      <c r="W46" s="452">
        <v>99.2</v>
      </c>
      <c r="X46" s="452">
        <v>-1.5</v>
      </c>
      <c r="Y46" s="452">
        <v>154.19999999999999</v>
      </c>
      <c r="Z46" s="452">
        <v>14.1</v>
      </c>
      <c r="AA46" s="452">
        <v>99.2</v>
      </c>
      <c r="AB46" s="452">
        <v>8.1999999999999993</v>
      </c>
      <c r="AC46" s="452">
        <v>79.3</v>
      </c>
      <c r="AD46" s="452">
        <v>-6.2</v>
      </c>
      <c r="AE46" s="452">
        <v>95.7</v>
      </c>
      <c r="AF46" s="452">
        <v>-4.5</v>
      </c>
      <c r="AG46" s="452">
        <v>86.3</v>
      </c>
      <c r="AH46" s="466">
        <v>-2.5</v>
      </c>
      <c r="AI46" s="452">
        <v>86.5</v>
      </c>
      <c r="AJ46" s="452">
        <v>-4.2</v>
      </c>
      <c r="AK46" s="502"/>
    </row>
    <row r="47" spans="1:37" s="424" customFormat="1" ht="13.5" customHeight="1" x14ac:dyDescent="0.15">
      <c r="A47" s="615"/>
      <c r="B47" s="472"/>
      <c r="C47" s="448"/>
      <c r="D47" s="455"/>
      <c r="E47" s="452"/>
      <c r="F47" s="453"/>
      <c r="G47" s="452"/>
      <c r="H47" s="452"/>
      <c r="I47" s="452"/>
      <c r="J47" s="452"/>
      <c r="K47" s="452"/>
      <c r="L47" s="452"/>
      <c r="M47" s="452"/>
      <c r="N47" s="452"/>
      <c r="O47" s="452"/>
      <c r="P47" s="452"/>
      <c r="Q47" s="452"/>
      <c r="R47" s="452"/>
      <c r="S47" s="452"/>
      <c r="T47" s="452"/>
      <c r="U47" s="493"/>
      <c r="V47" s="452"/>
      <c r="W47" s="493"/>
      <c r="X47" s="452"/>
      <c r="Y47" s="493"/>
      <c r="Z47" s="452"/>
      <c r="AA47" s="493"/>
      <c r="AB47" s="452"/>
      <c r="AC47" s="452"/>
      <c r="AD47" s="452"/>
      <c r="AE47" s="452"/>
      <c r="AF47" s="452"/>
      <c r="AG47" s="466"/>
      <c r="AH47" s="466"/>
      <c r="AI47" s="493"/>
      <c r="AJ47" s="452"/>
      <c r="AK47" s="502"/>
    </row>
    <row r="48" spans="1:37" s="424" customFormat="1" ht="14.25" customHeight="1" x14ac:dyDescent="0.15">
      <c r="A48" s="615"/>
      <c r="B48" s="472"/>
      <c r="C48" s="448" t="s">
        <v>238</v>
      </c>
      <c r="D48" s="455" t="s">
        <v>231</v>
      </c>
      <c r="E48" s="450">
        <v>97.5</v>
      </c>
      <c r="F48" s="451">
        <v>0.8</v>
      </c>
      <c r="G48" s="450">
        <v>96.5</v>
      </c>
      <c r="H48" s="450">
        <v>-3.7</v>
      </c>
      <c r="I48" s="450">
        <v>106.2</v>
      </c>
      <c r="J48" s="450">
        <v>9.1</v>
      </c>
      <c r="K48" s="450">
        <v>96.3</v>
      </c>
      <c r="L48" s="450">
        <v>-3.9</v>
      </c>
      <c r="M48" s="450">
        <v>104.6</v>
      </c>
      <c r="N48" s="450">
        <v>-4</v>
      </c>
      <c r="O48" s="450">
        <v>86.5</v>
      </c>
      <c r="P48" s="450">
        <v>3.3</v>
      </c>
      <c r="Q48" s="450">
        <v>105.7</v>
      </c>
      <c r="R48" s="450">
        <v>11.5</v>
      </c>
      <c r="S48" s="450">
        <v>86.2</v>
      </c>
      <c r="T48" s="450">
        <v>-7</v>
      </c>
      <c r="U48" s="450">
        <v>114.8</v>
      </c>
      <c r="V48" s="450">
        <v>3.9</v>
      </c>
      <c r="W48" s="450">
        <v>100.8</v>
      </c>
      <c r="X48" s="450">
        <v>-3.5</v>
      </c>
      <c r="Y48" s="450">
        <v>155.80000000000001</v>
      </c>
      <c r="Z48" s="450">
        <v>16</v>
      </c>
      <c r="AA48" s="450">
        <v>98</v>
      </c>
      <c r="AB48" s="450">
        <v>4.5999999999999996</v>
      </c>
      <c r="AC48" s="450">
        <v>77.900000000000006</v>
      </c>
      <c r="AD48" s="450">
        <v>-5.9</v>
      </c>
      <c r="AE48" s="450">
        <v>95.4</v>
      </c>
      <c r="AF48" s="450">
        <v>-9</v>
      </c>
      <c r="AG48" s="450">
        <v>92.9</v>
      </c>
      <c r="AH48" s="450">
        <v>-2.1</v>
      </c>
      <c r="AI48" s="450">
        <v>89.3</v>
      </c>
      <c r="AJ48" s="450">
        <v>-2.8</v>
      </c>
      <c r="AK48" s="502"/>
    </row>
    <row r="49" spans="1:36" ht="11.25" customHeight="1" thickBot="1" x14ac:dyDescent="0.2">
      <c r="A49" s="615"/>
      <c r="B49" s="485"/>
      <c r="C49" s="468"/>
      <c r="D49" s="469"/>
      <c r="E49" s="470"/>
      <c r="F49" s="471"/>
      <c r="G49" s="470"/>
      <c r="H49" s="470"/>
      <c r="I49" s="470"/>
      <c r="J49" s="470"/>
      <c r="K49" s="470"/>
      <c r="L49" s="470"/>
      <c r="M49" s="470"/>
      <c r="N49" s="470"/>
      <c r="O49" s="470"/>
      <c r="P49" s="470"/>
      <c r="Q49" s="470"/>
      <c r="R49" s="470"/>
      <c r="S49" s="470"/>
      <c r="T49" s="470"/>
      <c r="U49" s="470"/>
      <c r="V49" s="470"/>
      <c r="W49" s="470"/>
      <c r="X49" s="470"/>
      <c r="Y49" s="470"/>
      <c r="Z49" s="470"/>
      <c r="AA49" s="470"/>
      <c r="AB49" s="470"/>
      <c r="AC49" s="470"/>
      <c r="AD49" s="470"/>
      <c r="AE49" s="470"/>
      <c r="AF49" s="470"/>
      <c r="AG49" s="470"/>
      <c r="AH49" s="470"/>
      <c r="AI49" s="470"/>
      <c r="AJ49" s="470"/>
    </row>
    <row r="50" spans="1:36" ht="14.1" customHeight="1" x14ac:dyDescent="0.15">
      <c r="A50" s="615"/>
      <c r="C50" s="688" t="s">
        <v>213</v>
      </c>
      <c r="D50" s="688"/>
      <c r="E50" s="688"/>
      <c r="F50" s="688"/>
      <c r="G50" s="688"/>
      <c r="H50" s="688"/>
      <c r="I50" s="688"/>
      <c r="J50" s="688"/>
      <c r="K50" s="688"/>
      <c r="L50" s="688"/>
      <c r="M50" s="688"/>
      <c r="N50" s="688"/>
      <c r="O50" s="688"/>
      <c r="P50" s="688"/>
      <c r="Q50" s="688"/>
      <c r="R50" s="688"/>
      <c r="S50" s="688"/>
      <c r="T50" s="688"/>
      <c r="U50" s="688"/>
      <c r="V50" s="688"/>
      <c r="W50" s="688"/>
      <c r="X50" s="688"/>
      <c r="Y50" s="688"/>
      <c r="Z50" s="688"/>
      <c r="AA50" s="688"/>
      <c r="AB50" s="688"/>
      <c r="AC50" s="688"/>
      <c r="AD50" s="688"/>
      <c r="AE50" s="688"/>
      <c r="AF50" s="688"/>
      <c r="AG50" s="688"/>
      <c r="AH50" s="688"/>
      <c r="AI50" s="688"/>
      <c r="AJ50" s="688"/>
    </row>
  </sheetData>
  <protectedRanges>
    <protectedRange sqref="U26:V26" name="範囲1_1_1"/>
    <protectedRange sqref="W26:AB26" name="範囲1_1_2"/>
    <protectedRange sqref="U47:AB47" name="範囲1_1_3"/>
    <protectedRange sqref="AI26:AJ26" name="範囲1_1_4"/>
    <protectedRange sqref="AI47:AJ47" name="範囲1_1_5"/>
  </protectedRanges>
  <mergeCells count="54">
    <mergeCell ref="AI5:AJ5"/>
    <mergeCell ref="E6:F6"/>
    <mergeCell ref="G6:H6"/>
    <mergeCell ref="I6:J6"/>
    <mergeCell ref="K6:L6"/>
    <mergeCell ref="M6:N6"/>
    <mergeCell ref="O6:P6"/>
    <mergeCell ref="AG6:AH6"/>
    <mergeCell ref="AI6:AJ6"/>
    <mergeCell ref="U6:V6"/>
    <mergeCell ref="W6:X6"/>
    <mergeCell ref="Y6:Z6"/>
    <mergeCell ref="AA6:AB6"/>
    <mergeCell ref="AG4:AH4"/>
    <mergeCell ref="Q6:R6"/>
    <mergeCell ref="S6:T6"/>
    <mergeCell ref="U5:V5"/>
    <mergeCell ref="W5:X5"/>
    <mergeCell ref="Y5:Z5"/>
    <mergeCell ref="AA5:AB5"/>
    <mergeCell ref="AC6:AD6"/>
    <mergeCell ref="AE6:AF6"/>
    <mergeCell ref="AG5:AH5"/>
    <mergeCell ref="AC5:AD5"/>
    <mergeCell ref="AE5:AF5"/>
    <mergeCell ref="AA4:AB4"/>
    <mergeCell ref="AC4:AD4"/>
    <mergeCell ref="AE4:AF4"/>
    <mergeCell ref="AF1:AJ1"/>
    <mergeCell ref="H2:L2"/>
    <mergeCell ref="P2:T2"/>
    <mergeCell ref="C3:D7"/>
    <mergeCell ref="E4:F4"/>
    <mergeCell ref="G4:H4"/>
    <mergeCell ref="I4:J4"/>
    <mergeCell ref="AI4:AJ4"/>
    <mergeCell ref="K5:L5"/>
    <mergeCell ref="M5:N5"/>
    <mergeCell ref="O5:P5"/>
    <mergeCell ref="Q5:R5"/>
    <mergeCell ref="S5:T5"/>
    <mergeCell ref="O4:P4"/>
    <mergeCell ref="Q4:R4"/>
    <mergeCell ref="S4:T4"/>
    <mergeCell ref="K4:L4"/>
    <mergeCell ref="M4:N4"/>
    <mergeCell ref="W4:X4"/>
    <mergeCell ref="Y4:Z4"/>
    <mergeCell ref="A1:A50"/>
    <mergeCell ref="U4:V4"/>
    <mergeCell ref="B8:B28"/>
    <mergeCell ref="B35:B39"/>
    <mergeCell ref="B41:B43"/>
    <mergeCell ref="C50:AJ50"/>
  </mergeCells>
  <phoneticPr fontId="3"/>
  <printOptions horizontalCentered="1"/>
  <pageMargins left="0.59055118110236227" right="0.59055118110236227" top="0.39370078740157483" bottom="0.59055118110236227" header="0" footer="0.19685039370078741"/>
  <pageSetup paperSize="9" scale="78" orientation="landscape" errors="blank" r:id="rId1"/>
  <headerFooter alignWithMargins="0"/>
</worksheet>
</file>

<file path=xl/worksheets/sheet1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0">
    <tabColor indexed="52"/>
  </sheetPr>
  <dimension ref="A1:AK51"/>
  <sheetViews>
    <sheetView view="pageBreakPreview" zoomScaleNormal="100" zoomScaleSheetLayoutView="100" workbookViewId="0">
      <selection sqref="A1:A50"/>
    </sheetView>
  </sheetViews>
  <sheetFormatPr defaultRowHeight="13.5" x14ac:dyDescent="0.15"/>
  <cols>
    <col min="1" max="1" width="4.375" style="321" customWidth="1"/>
    <col min="2" max="2" width="2.5" style="321" customWidth="1"/>
    <col min="3" max="3" width="6.625" style="395" customWidth="1"/>
    <col min="4" max="4" width="3.875" style="395" customWidth="1"/>
    <col min="5" max="32" width="4.875" style="395" customWidth="1"/>
    <col min="33" max="33" width="5.125" style="399" bestFit="1" customWidth="1"/>
    <col min="34" max="34" width="5.125" style="395" bestFit="1" customWidth="1"/>
    <col min="35" max="36" width="4.875" style="395" customWidth="1"/>
    <col min="37" max="37" width="9" style="395"/>
  </cols>
  <sheetData>
    <row r="1" spans="1:37" ht="18.75" customHeight="1" x14ac:dyDescent="0.15">
      <c r="A1" s="615" t="s">
        <v>218</v>
      </c>
      <c r="B1" s="212" t="s">
        <v>219</v>
      </c>
      <c r="D1" s="417"/>
      <c r="E1" s="417"/>
      <c r="F1" s="417"/>
      <c r="G1" s="417"/>
      <c r="H1" s="417"/>
      <c r="I1" s="417"/>
      <c r="J1" s="417"/>
      <c r="K1" s="417"/>
      <c r="L1" s="417"/>
      <c r="M1" s="417"/>
      <c r="N1" s="417"/>
      <c r="O1" s="417"/>
      <c r="P1" s="417"/>
      <c r="Q1" s="417"/>
      <c r="R1" s="417"/>
      <c r="S1" s="417"/>
      <c r="T1" s="417"/>
      <c r="U1" s="417"/>
      <c r="V1" s="417"/>
      <c r="W1" s="417"/>
      <c r="X1" s="417"/>
      <c r="Y1" s="417"/>
      <c r="Z1" s="417"/>
      <c r="AA1" s="417"/>
      <c r="AB1" s="417"/>
      <c r="AC1" s="417"/>
      <c r="AD1" s="417"/>
      <c r="AE1" s="417"/>
      <c r="AF1" s="618" t="s">
        <v>212</v>
      </c>
      <c r="AG1" s="618"/>
      <c r="AH1" s="618"/>
      <c r="AI1" s="618"/>
      <c r="AJ1" s="618"/>
    </row>
    <row r="2" spans="1:37" s="424" customFormat="1" ht="3.75" customHeight="1" thickBot="1" x14ac:dyDescent="0.2">
      <c r="A2" s="615"/>
      <c r="B2" s="211"/>
      <c r="C2" s="420"/>
      <c r="D2" s="420"/>
      <c r="E2" s="420"/>
      <c r="F2" s="420"/>
      <c r="G2" s="420"/>
      <c r="H2" s="659"/>
      <c r="I2" s="659"/>
      <c r="J2" s="659"/>
      <c r="K2" s="659"/>
      <c r="L2" s="659"/>
      <c r="M2" s="420"/>
      <c r="N2" s="420"/>
      <c r="O2" s="420"/>
      <c r="P2" s="659"/>
      <c r="Q2" s="659"/>
      <c r="R2" s="659"/>
      <c r="S2" s="659"/>
      <c r="T2" s="659"/>
      <c r="U2" s="420"/>
      <c r="V2" s="420"/>
      <c r="W2" s="420"/>
      <c r="X2" s="420"/>
      <c r="Y2" s="420"/>
      <c r="Z2" s="420"/>
      <c r="AA2" s="420"/>
      <c r="AB2" s="422"/>
      <c r="AC2" s="422"/>
      <c r="AD2" s="422"/>
      <c r="AE2" s="422"/>
      <c r="AF2" s="423"/>
      <c r="AG2" s="423"/>
      <c r="AH2" s="423"/>
      <c r="AI2" s="423"/>
      <c r="AJ2" s="423"/>
      <c r="AK2" s="422"/>
    </row>
    <row r="3" spans="1:37" s="424" customFormat="1" ht="6" customHeight="1" x14ac:dyDescent="0.15">
      <c r="A3" s="615"/>
      <c r="B3" s="425"/>
      <c r="C3" s="660"/>
      <c r="D3" s="661"/>
      <c r="E3" s="426"/>
      <c r="F3" s="427"/>
      <c r="G3" s="428"/>
      <c r="H3" s="429"/>
      <c r="I3" s="426"/>
      <c r="J3" s="429"/>
      <c r="K3" s="426"/>
      <c r="L3" s="429"/>
      <c r="M3" s="426"/>
      <c r="N3" s="429"/>
      <c r="O3" s="426"/>
      <c r="P3" s="429"/>
      <c r="Q3" s="426"/>
      <c r="R3" s="429"/>
      <c r="S3" s="426"/>
      <c r="T3" s="428"/>
      <c r="U3" s="426"/>
      <c r="V3" s="429"/>
      <c r="W3" s="426"/>
      <c r="X3" s="429"/>
      <c r="Y3" s="426"/>
      <c r="Z3" s="429"/>
      <c r="AA3" s="426"/>
      <c r="AB3" s="429"/>
      <c r="AC3" s="426"/>
      <c r="AD3" s="428"/>
      <c r="AE3" s="426"/>
      <c r="AF3" s="429"/>
      <c r="AG3" s="430"/>
      <c r="AH3" s="429"/>
      <c r="AI3" s="426"/>
      <c r="AJ3" s="428"/>
      <c r="AK3" s="422"/>
    </row>
    <row r="4" spans="1:37" s="424" customFormat="1" ht="12" customHeight="1" x14ac:dyDescent="0.15">
      <c r="A4" s="615"/>
      <c r="B4" s="431"/>
      <c r="C4" s="662"/>
      <c r="D4" s="663"/>
      <c r="E4" s="652" t="s">
        <v>89</v>
      </c>
      <c r="F4" s="666"/>
      <c r="G4" s="667" t="s">
        <v>1</v>
      </c>
      <c r="H4" s="653"/>
      <c r="I4" s="652" t="s">
        <v>2</v>
      </c>
      <c r="J4" s="653"/>
      <c r="K4" s="652" t="s">
        <v>182</v>
      </c>
      <c r="L4" s="653"/>
      <c r="M4" s="654" t="s">
        <v>183</v>
      </c>
      <c r="N4" s="655"/>
      <c r="O4" s="654" t="s">
        <v>184</v>
      </c>
      <c r="P4" s="655"/>
      <c r="Q4" s="652" t="s">
        <v>185</v>
      </c>
      <c r="R4" s="673"/>
      <c r="S4" s="654" t="s">
        <v>186</v>
      </c>
      <c r="T4" s="655"/>
      <c r="U4" s="654" t="s">
        <v>187</v>
      </c>
      <c r="V4" s="655"/>
      <c r="W4" s="656" t="s">
        <v>188</v>
      </c>
      <c r="X4" s="657"/>
      <c r="Y4" s="654" t="s">
        <v>189</v>
      </c>
      <c r="Z4" s="658"/>
      <c r="AA4" s="656" t="s">
        <v>190</v>
      </c>
      <c r="AB4" s="657"/>
      <c r="AC4" s="654" t="s">
        <v>191</v>
      </c>
      <c r="AD4" s="658"/>
      <c r="AE4" s="654" t="s">
        <v>192</v>
      </c>
      <c r="AF4" s="658"/>
      <c r="AG4" s="654" t="s">
        <v>193</v>
      </c>
      <c r="AH4" s="658"/>
      <c r="AI4" s="654" t="s">
        <v>194</v>
      </c>
      <c r="AJ4" s="668"/>
      <c r="AK4" s="422"/>
    </row>
    <row r="5" spans="1:37" s="424" customFormat="1" ht="12" customHeight="1" x14ac:dyDescent="0.15">
      <c r="A5" s="615"/>
      <c r="B5" s="431"/>
      <c r="C5" s="662"/>
      <c r="D5" s="663"/>
      <c r="E5" s="432"/>
      <c r="F5" s="433"/>
      <c r="G5" s="434"/>
      <c r="H5" s="435"/>
      <c r="I5" s="432"/>
      <c r="J5" s="435"/>
      <c r="K5" s="669" t="s">
        <v>195</v>
      </c>
      <c r="L5" s="670"/>
      <c r="M5" s="671"/>
      <c r="N5" s="655"/>
      <c r="O5" s="672" t="s">
        <v>196</v>
      </c>
      <c r="P5" s="655"/>
      <c r="Q5" s="652" t="s">
        <v>197</v>
      </c>
      <c r="R5" s="673"/>
      <c r="S5" s="654" t="s">
        <v>198</v>
      </c>
      <c r="T5" s="655"/>
      <c r="U5" s="654" t="s">
        <v>199</v>
      </c>
      <c r="V5" s="655"/>
      <c r="W5" s="656" t="s">
        <v>200</v>
      </c>
      <c r="X5" s="657"/>
      <c r="Y5" s="656" t="s">
        <v>201</v>
      </c>
      <c r="Z5" s="657"/>
      <c r="AA5" s="654" t="s">
        <v>202</v>
      </c>
      <c r="AB5" s="655"/>
      <c r="AC5" s="654" t="s">
        <v>203</v>
      </c>
      <c r="AD5" s="658"/>
      <c r="AE5" s="654"/>
      <c r="AF5" s="655"/>
      <c r="AG5" s="654" t="s">
        <v>204</v>
      </c>
      <c r="AH5" s="655"/>
      <c r="AI5" s="654"/>
      <c r="AJ5" s="676"/>
      <c r="AK5" s="422"/>
    </row>
    <row r="6" spans="1:37" s="437" customFormat="1" ht="15" customHeight="1" x14ac:dyDescent="0.15">
      <c r="A6" s="615"/>
      <c r="B6" s="436"/>
      <c r="C6" s="662"/>
      <c r="D6" s="663"/>
      <c r="E6" s="674" t="s">
        <v>205</v>
      </c>
      <c r="F6" s="677"/>
      <c r="G6" s="678" t="s">
        <v>205</v>
      </c>
      <c r="H6" s="675"/>
      <c r="I6" s="674" t="s">
        <v>205</v>
      </c>
      <c r="J6" s="675"/>
      <c r="K6" s="674" t="s">
        <v>205</v>
      </c>
      <c r="L6" s="675"/>
      <c r="M6" s="674" t="s">
        <v>205</v>
      </c>
      <c r="N6" s="675"/>
      <c r="O6" s="674" t="s">
        <v>205</v>
      </c>
      <c r="P6" s="675"/>
      <c r="Q6" s="674" t="s">
        <v>205</v>
      </c>
      <c r="R6" s="675"/>
      <c r="S6" s="674" t="s">
        <v>205</v>
      </c>
      <c r="T6" s="675"/>
      <c r="U6" s="674" t="s">
        <v>205</v>
      </c>
      <c r="V6" s="675"/>
      <c r="W6" s="674" t="s">
        <v>205</v>
      </c>
      <c r="X6" s="675"/>
      <c r="Y6" s="674" t="s">
        <v>205</v>
      </c>
      <c r="Z6" s="675"/>
      <c r="AA6" s="674" t="s">
        <v>205</v>
      </c>
      <c r="AB6" s="675"/>
      <c r="AC6" s="674" t="s">
        <v>205</v>
      </c>
      <c r="AD6" s="675"/>
      <c r="AE6" s="674" t="s">
        <v>205</v>
      </c>
      <c r="AF6" s="675"/>
      <c r="AG6" s="674" t="s">
        <v>205</v>
      </c>
      <c r="AH6" s="675"/>
      <c r="AI6" s="674" t="s">
        <v>205</v>
      </c>
      <c r="AJ6" s="678"/>
      <c r="AK6" s="420"/>
    </row>
    <row r="7" spans="1:37" s="424" customFormat="1" ht="7.5" customHeight="1" x14ac:dyDescent="0.15">
      <c r="A7" s="615"/>
      <c r="B7" s="438"/>
      <c r="C7" s="664"/>
      <c r="D7" s="665"/>
      <c r="E7" s="439"/>
      <c r="F7" s="440" t="s">
        <v>164</v>
      </c>
      <c r="G7" s="441"/>
      <c r="H7" s="442" t="s">
        <v>164</v>
      </c>
      <c r="I7" s="439"/>
      <c r="J7" s="442" t="s">
        <v>164</v>
      </c>
      <c r="K7" s="439"/>
      <c r="L7" s="442" t="s">
        <v>164</v>
      </c>
      <c r="M7" s="439"/>
      <c r="N7" s="442" t="s">
        <v>164</v>
      </c>
      <c r="O7" s="439"/>
      <c r="P7" s="442" t="s">
        <v>164</v>
      </c>
      <c r="Q7" s="439"/>
      <c r="R7" s="442" t="s">
        <v>164</v>
      </c>
      <c r="S7" s="439"/>
      <c r="T7" s="442" t="s">
        <v>164</v>
      </c>
      <c r="U7" s="439"/>
      <c r="V7" s="442" t="s">
        <v>164</v>
      </c>
      <c r="W7" s="439"/>
      <c r="X7" s="442" t="s">
        <v>164</v>
      </c>
      <c r="Y7" s="439"/>
      <c r="Z7" s="442" t="s">
        <v>164</v>
      </c>
      <c r="AA7" s="439"/>
      <c r="AB7" s="442" t="s">
        <v>164</v>
      </c>
      <c r="AC7" s="439"/>
      <c r="AD7" s="442" t="s">
        <v>164</v>
      </c>
      <c r="AE7" s="439"/>
      <c r="AF7" s="442" t="s">
        <v>164</v>
      </c>
      <c r="AG7" s="443"/>
      <c r="AH7" s="442" t="s">
        <v>164</v>
      </c>
      <c r="AI7" s="439"/>
      <c r="AJ7" s="334" t="s">
        <v>164</v>
      </c>
      <c r="AK7" s="422"/>
    </row>
    <row r="8" spans="1:37" s="424" customFormat="1" ht="11.25" customHeight="1" x14ac:dyDescent="0.15">
      <c r="A8" s="615"/>
      <c r="B8" s="679" t="s">
        <v>206</v>
      </c>
      <c r="C8" s="444"/>
      <c r="D8" s="491"/>
      <c r="E8" s="339"/>
      <c r="F8" s="341"/>
      <c r="G8" s="339"/>
      <c r="H8" s="339"/>
      <c r="I8" s="339"/>
      <c r="J8" s="339"/>
      <c r="K8" s="339"/>
      <c r="L8" s="339"/>
      <c r="M8" s="339"/>
      <c r="N8" s="339"/>
      <c r="O8" s="339"/>
      <c r="P8" s="339"/>
      <c r="Q8" s="339"/>
      <c r="R8" s="339"/>
      <c r="S8" s="339"/>
      <c r="T8" s="339"/>
      <c r="U8" s="339"/>
      <c r="V8" s="339"/>
      <c r="W8" s="339"/>
      <c r="X8" s="339"/>
      <c r="Y8" s="339"/>
      <c r="Z8" s="339"/>
      <c r="AA8" s="339"/>
      <c r="AB8" s="339"/>
      <c r="AC8" s="339"/>
      <c r="AD8" s="339"/>
      <c r="AE8" s="339"/>
      <c r="AF8" s="339"/>
      <c r="AG8" s="339"/>
      <c r="AH8" s="339"/>
      <c r="AI8" s="339"/>
      <c r="AJ8" s="339"/>
      <c r="AK8" s="422"/>
    </row>
    <row r="9" spans="1:37" s="424" customFormat="1" ht="14.25" customHeight="1" x14ac:dyDescent="0.15">
      <c r="A9" s="615"/>
      <c r="B9" s="680"/>
      <c r="C9" s="448" t="s">
        <v>226</v>
      </c>
      <c r="D9" s="449" t="s">
        <v>227</v>
      </c>
      <c r="E9" s="450">
        <v>103.7</v>
      </c>
      <c r="F9" s="451">
        <v>-1.1000000000000001</v>
      </c>
      <c r="G9" s="450">
        <v>104.3</v>
      </c>
      <c r="H9" s="450">
        <v>2.1</v>
      </c>
      <c r="I9" s="450">
        <v>103.2</v>
      </c>
      <c r="J9" s="450">
        <v>-2.8</v>
      </c>
      <c r="K9" s="450">
        <v>99.4</v>
      </c>
      <c r="L9" s="450">
        <v>1.6</v>
      </c>
      <c r="M9" s="450">
        <v>100.4</v>
      </c>
      <c r="N9" s="450">
        <v>-7.7</v>
      </c>
      <c r="O9" s="450">
        <v>100.2</v>
      </c>
      <c r="P9" s="450">
        <v>3.2</v>
      </c>
      <c r="Q9" s="450">
        <v>101.3</v>
      </c>
      <c r="R9" s="450">
        <v>-4.0999999999999996</v>
      </c>
      <c r="S9" s="450">
        <v>101.2</v>
      </c>
      <c r="T9" s="450">
        <v>-0.1</v>
      </c>
      <c r="U9" s="450">
        <v>103.6</v>
      </c>
      <c r="V9" s="450">
        <v>0.9</v>
      </c>
      <c r="W9" s="450">
        <v>99.8</v>
      </c>
      <c r="X9" s="450">
        <v>-2.9</v>
      </c>
      <c r="Y9" s="450">
        <v>110.9</v>
      </c>
      <c r="Z9" s="450">
        <v>1.8</v>
      </c>
      <c r="AA9" s="450">
        <v>108.7</v>
      </c>
      <c r="AB9" s="450">
        <v>-7.2</v>
      </c>
      <c r="AC9" s="450">
        <v>107.4</v>
      </c>
      <c r="AD9" s="450">
        <v>5.9</v>
      </c>
      <c r="AE9" s="450">
        <v>106.1</v>
      </c>
      <c r="AF9" s="450">
        <v>-0.8</v>
      </c>
      <c r="AG9" s="450">
        <v>100.2</v>
      </c>
      <c r="AH9" s="450">
        <v>3</v>
      </c>
      <c r="AI9" s="450">
        <v>105</v>
      </c>
      <c r="AJ9" s="450">
        <v>0.6</v>
      </c>
      <c r="AK9" s="422"/>
    </row>
    <row r="10" spans="1:37" s="454" customFormat="1" ht="14.25" customHeight="1" x14ac:dyDescent="0.15">
      <c r="A10" s="615"/>
      <c r="B10" s="680"/>
      <c r="C10" s="448" t="s">
        <v>226</v>
      </c>
      <c r="D10" s="449" t="s">
        <v>228</v>
      </c>
      <c r="E10" s="452">
        <v>100</v>
      </c>
      <c r="F10" s="453">
        <v>-3.6</v>
      </c>
      <c r="G10" s="452">
        <v>100</v>
      </c>
      <c r="H10" s="452">
        <v>-4.0999999999999996</v>
      </c>
      <c r="I10" s="452">
        <v>100</v>
      </c>
      <c r="J10" s="452">
        <v>-3.1</v>
      </c>
      <c r="K10" s="452">
        <v>100</v>
      </c>
      <c r="L10" s="452">
        <v>0.6</v>
      </c>
      <c r="M10" s="452">
        <v>100</v>
      </c>
      <c r="N10" s="452">
        <v>-0.4</v>
      </c>
      <c r="O10" s="452">
        <v>100</v>
      </c>
      <c r="P10" s="452">
        <v>-0.1</v>
      </c>
      <c r="Q10" s="452">
        <v>100</v>
      </c>
      <c r="R10" s="452">
        <v>-1.3</v>
      </c>
      <c r="S10" s="452">
        <v>100</v>
      </c>
      <c r="T10" s="452">
        <v>-1.2</v>
      </c>
      <c r="U10" s="452">
        <v>100</v>
      </c>
      <c r="V10" s="452">
        <v>-3.5</v>
      </c>
      <c r="W10" s="452">
        <v>100</v>
      </c>
      <c r="X10" s="452">
        <v>0.2</v>
      </c>
      <c r="Y10" s="452">
        <v>100</v>
      </c>
      <c r="Z10" s="452">
        <v>-9.6999999999999993</v>
      </c>
      <c r="AA10" s="452">
        <v>100</v>
      </c>
      <c r="AB10" s="452">
        <v>-7.9</v>
      </c>
      <c r="AC10" s="452">
        <v>100</v>
      </c>
      <c r="AD10" s="452">
        <v>-6.9</v>
      </c>
      <c r="AE10" s="452">
        <v>100</v>
      </c>
      <c r="AF10" s="452">
        <v>-5.8</v>
      </c>
      <c r="AG10" s="452">
        <v>100</v>
      </c>
      <c r="AH10" s="452">
        <v>-0.2</v>
      </c>
      <c r="AI10" s="452">
        <v>100</v>
      </c>
      <c r="AJ10" s="452">
        <v>-4.8</v>
      </c>
      <c r="AK10" s="196"/>
    </row>
    <row r="11" spans="1:37" s="424" customFormat="1" ht="14.25" customHeight="1" x14ac:dyDescent="0.15">
      <c r="A11" s="615"/>
      <c r="B11" s="680"/>
      <c r="C11" s="448" t="s">
        <v>226</v>
      </c>
      <c r="D11" s="449" t="s">
        <v>229</v>
      </c>
      <c r="E11" s="450">
        <v>100.5</v>
      </c>
      <c r="F11" s="451">
        <v>0.4</v>
      </c>
      <c r="G11" s="450">
        <v>102.3</v>
      </c>
      <c r="H11" s="450">
        <v>2.4</v>
      </c>
      <c r="I11" s="450">
        <v>101.5</v>
      </c>
      <c r="J11" s="450">
        <v>1.5</v>
      </c>
      <c r="K11" s="450">
        <v>100</v>
      </c>
      <c r="L11" s="450">
        <v>0</v>
      </c>
      <c r="M11" s="450">
        <v>101.9</v>
      </c>
      <c r="N11" s="450">
        <v>2</v>
      </c>
      <c r="O11" s="450">
        <v>98</v>
      </c>
      <c r="P11" s="450">
        <v>-2</v>
      </c>
      <c r="Q11" s="450">
        <v>97.8</v>
      </c>
      <c r="R11" s="450">
        <v>-2.2000000000000002</v>
      </c>
      <c r="S11" s="450">
        <v>98.8</v>
      </c>
      <c r="T11" s="450">
        <v>-1.3</v>
      </c>
      <c r="U11" s="450">
        <v>106.6</v>
      </c>
      <c r="V11" s="450">
        <v>6.6</v>
      </c>
      <c r="W11" s="450">
        <v>100.5</v>
      </c>
      <c r="X11" s="450">
        <v>0.6</v>
      </c>
      <c r="Y11" s="450">
        <v>100.8</v>
      </c>
      <c r="Z11" s="450">
        <v>0.7</v>
      </c>
      <c r="AA11" s="450">
        <v>110.7</v>
      </c>
      <c r="AB11" s="450">
        <v>10.6</v>
      </c>
      <c r="AC11" s="450">
        <v>104.7</v>
      </c>
      <c r="AD11" s="450">
        <v>4.7</v>
      </c>
      <c r="AE11" s="450">
        <v>97</v>
      </c>
      <c r="AF11" s="450">
        <v>-3</v>
      </c>
      <c r="AG11" s="450">
        <v>99.6</v>
      </c>
      <c r="AH11" s="450">
        <v>-0.4</v>
      </c>
      <c r="AI11" s="450">
        <v>102.8</v>
      </c>
      <c r="AJ11" s="450">
        <v>2.7</v>
      </c>
      <c r="AK11" s="422"/>
    </row>
    <row r="12" spans="1:37" s="454" customFormat="1" ht="14.25" customHeight="1" x14ac:dyDescent="0.15">
      <c r="A12" s="615"/>
      <c r="B12" s="680"/>
      <c r="C12" s="448" t="s">
        <v>226</v>
      </c>
      <c r="D12" s="449" t="s">
        <v>230</v>
      </c>
      <c r="E12" s="452">
        <v>100.4</v>
      </c>
      <c r="F12" s="453">
        <v>-0.1</v>
      </c>
      <c r="G12" s="452">
        <v>102.8</v>
      </c>
      <c r="H12" s="452">
        <v>0.5</v>
      </c>
      <c r="I12" s="452">
        <v>104.4</v>
      </c>
      <c r="J12" s="452">
        <v>2.9</v>
      </c>
      <c r="K12" s="452">
        <v>101.9</v>
      </c>
      <c r="L12" s="452">
        <v>1.9</v>
      </c>
      <c r="M12" s="452">
        <v>102.9</v>
      </c>
      <c r="N12" s="452">
        <v>1</v>
      </c>
      <c r="O12" s="452">
        <v>97.5</v>
      </c>
      <c r="P12" s="452">
        <v>-0.5</v>
      </c>
      <c r="Q12" s="452">
        <v>98.7</v>
      </c>
      <c r="R12" s="452">
        <v>0.9</v>
      </c>
      <c r="S12" s="452">
        <v>97.8</v>
      </c>
      <c r="T12" s="452">
        <v>-1</v>
      </c>
      <c r="U12" s="452">
        <v>102.3</v>
      </c>
      <c r="V12" s="452">
        <v>-4</v>
      </c>
      <c r="W12" s="452">
        <v>98.5</v>
      </c>
      <c r="X12" s="452">
        <v>-2</v>
      </c>
      <c r="Y12" s="452">
        <v>114.6</v>
      </c>
      <c r="Z12" s="452">
        <v>13.7</v>
      </c>
      <c r="AA12" s="452">
        <v>112</v>
      </c>
      <c r="AB12" s="452">
        <v>1.2</v>
      </c>
      <c r="AC12" s="452">
        <v>92</v>
      </c>
      <c r="AD12" s="452">
        <v>-12.1</v>
      </c>
      <c r="AE12" s="452">
        <v>101.5</v>
      </c>
      <c r="AF12" s="452">
        <v>4.5999999999999996</v>
      </c>
      <c r="AG12" s="452">
        <v>97</v>
      </c>
      <c r="AH12" s="452">
        <v>-2.6</v>
      </c>
      <c r="AI12" s="452">
        <v>98.2</v>
      </c>
      <c r="AJ12" s="452">
        <v>-4.5</v>
      </c>
      <c r="AK12" s="196"/>
    </row>
    <row r="13" spans="1:37" s="424" customFormat="1" ht="14.25" customHeight="1" x14ac:dyDescent="0.15">
      <c r="A13" s="615"/>
      <c r="B13" s="680"/>
      <c r="C13" s="448"/>
      <c r="D13" s="449"/>
      <c r="E13" s="452"/>
      <c r="F13" s="453"/>
      <c r="G13" s="452"/>
      <c r="H13" s="452"/>
      <c r="I13" s="452"/>
      <c r="J13" s="452"/>
      <c r="K13" s="452"/>
      <c r="L13" s="452"/>
      <c r="M13" s="452"/>
      <c r="N13" s="452"/>
      <c r="O13" s="452"/>
      <c r="P13" s="452"/>
      <c r="Q13" s="452"/>
      <c r="R13" s="452"/>
      <c r="S13" s="452"/>
      <c r="T13" s="452"/>
      <c r="U13" s="452"/>
      <c r="V13" s="452"/>
      <c r="W13" s="452"/>
      <c r="X13" s="452"/>
      <c r="Y13" s="452"/>
      <c r="Z13" s="452"/>
      <c r="AA13" s="452"/>
      <c r="AB13" s="452"/>
      <c r="AC13" s="452"/>
      <c r="AD13" s="452"/>
      <c r="AE13" s="452"/>
      <c r="AF13" s="452"/>
      <c r="AG13" s="452"/>
      <c r="AH13" s="452"/>
      <c r="AI13" s="452"/>
      <c r="AJ13" s="452"/>
      <c r="AK13" s="422"/>
    </row>
    <row r="14" spans="1:37" s="424" customFormat="1" ht="15" customHeight="1" x14ac:dyDescent="0.15">
      <c r="A14" s="615"/>
      <c r="B14" s="680"/>
      <c r="C14" s="448" t="s">
        <v>207</v>
      </c>
      <c r="D14" s="455" t="s">
        <v>231</v>
      </c>
      <c r="E14" s="450">
        <v>104.7</v>
      </c>
      <c r="F14" s="451">
        <v>0.9</v>
      </c>
      <c r="G14" s="450">
        <v>100.3</v>
      </c>
      <c r="H14" s="450">
        <v>-3.1</v>
      </c>
      <c r="I14" s="450">
        <v>109.4</v>
      </c>
      <c r="J14" s="450">
        <v>4.5999999999999996</v>
      </c>
      <c r="K14" s="450">
        <v>111.1</v>
      </c>
      <c r="L14" s="450">
        <v>4</v>
      </c>
      <c r="M14" s="450">
        <v>106.4</v>
      </c>
      <c r="N14" s="450">
        <v>2.8</v>
      </c>
      <c r="O14" s="450">
        <v>100.3</v>
      </c>
      <c r="P14" s="450">
        <v>0.2</v>
      </c>
      <c r="Q14" s="450">
        <v>100.4</v>
      </c>
      <c r="R14" s="450">
        <v>-0.3</v>
      </c>
      <c r="S14" s="450">
        <v>102.2</v>
      </c>
      <c r="T14" s="450">
        <v>-1</v>
      </c>
      <c r="U14" s="450">
        <v>103</v>
      </c>
      <c r="V14" s="450">
        <v>-4.3</v>
      </c>
      <c r="W14" s="450">
        <v>105.9</v>
      </c>
      <c r="X14" s="450">
        <v>1.7</v>
      </c>
      <c r="Y14" s="450">
        <v>119.1</v>
      </c>
      <c r="Z14" s="450">
        <v>21.7</v>
      </c>
      <c r="AA14" s="450">
        <v>121.2</v>
      </c>
      <c r="AB14" s="450">
        <v>8.6</v>
      </c>
      <c r="AC14" s="450">
        <v>97.4</v>
      </c>
      <c r="AD14" s="450">
        <v>-13.8</v>
      </c>
      <c r="AE14" s="450">
        <v>110.3</v>
      </c>
      <c r="AF14" s="450">
        <v>8.1999999999999993</v>
      </c>
      <c r="AG14" s="450">
        <v>105.2</v>
      </c>
      <c r="AH14" s="450">
        <v>-1.1000000000000001</v>
      </c>
      <c r="AI14" s="450">
        <v>101.1</v>
      </c>
      <c r="AJ14" s="450">
        <v>-6</v>
      </c>
      <c r="AK14" s="422"/>
    </row>
    <row r="15" spans="1:37" s="454" customFormat="1" ht="15" customHeight="1" x14ac:dyDescent="0.15">
      <c r="A15" s="615"/>
      <c r="B15" s="680"/>
      <c r="C15" s="456" t="s">
        <v>0</v>
      </c>
      <c r="D15" s="455" t="s">
        <v>232</v>
      </c>
      <c r="E15" s="452">
        <v>103.1</v>
      </c>
      <c r="F15" s="453">
        <v>-0.9</v>
      </c>
      <c r="G15" s="452">
        <v>108.9</v>
      </c>
      <c r="H15" s="452">
        <v>1.5</v>
      </c>
      <c r="I15" s="452">
        <v>108.6</v>
      </c>
      <c r="J15" s="452">
        <v>1.2</v>
      </c>
      <c r="K15" s="452">
        <v>100.5</v>
      </c>
      <c r="L15" s="452">
        <v>0.5</v>
      </c>
      <c r="M15" s="452">
        <v>105.9</v>
      </c>
      <c r="N15" s="452">
        <v>-1.2</v>
      </c>
      <c r="O15" s="452">
        <v>98.8</v>
      </c>
      <c r="P15" s="452">
        <v>-1.3</v>
      </c>
      <c r="Q15" s="452">
        <v>100.1</v>
      </c>
      <c r="R15" s="452">
        <v>-0.6</v>
      </c>
      <c r="S15" s="452">
        <v>103.6</v>
      </c>
      <c r="T15" s="452">
        <v>3.4</v>
      </c>
      <c r="U15" s="452">
        <v>105.2</v>
      </c>
      <c r="V15" s="452">
        <v>-4.7</v>
      </c>
      <c r="W15" s="452">
        <v>101.9</v>
      </c>
      <c r="X15" s="452">
        <v>-2.5</v>
      </c>
      <c r="Y15" s="452">
        <v>117.3</v>
      </c>
      <c r="Z15" s="452">
        <v>15.6</v>
      </c>
      <c r="AA15" s="452">
        <v>108.1</v>
      </c>
      <c r="AB15" s="452">
        <v>-7.6</v>
      </c>
      <c r="AC15" s="452">
        <v>95.1</v>
      </c>
      <c r="AD15" s="452">
        <v>-7.5</v>
      </c>
      <c r="AE15" s="452">
        <v>105.6</v>
      </c>
      <c r="AF15" s="452">
        <v>4.7</v>
      </c>
      <c r="AG15" s="452">
        <v>94.7</v>
      </c>
      <c r="AH15" s="452">
        <v>-5.9</v>
      </c>
      <c r="AI15" s="452">
        <v>99.2</v>
      </c>
      <c r="AJ15" s="452">
        <v>-5.8</v>
      </c>
      <c r="AK15" s="196"/>
    </row>
    <row r="16" spans="1:37" s="424" customFormat="1" ht="15" customHeight="1" x14ac:dyDescent="0.15">
      <c r="A16" s="615"/>
      <c r="B16" s="680"/>
      <c r="C16" s="456" t="s">
        <v>0</v>
      </c>
      <c r="D16" s="455" t="s">
        <v>233</v>
      </c>
      <c r="E16" s="450">
        <v>97.2</v>
      </c>
      <c r="F16" s="451">
        <v>1.8</v>
      </c>
      <c r="G16" s="450">
        <v>99.9</v>
      </c>
      <c r="H16" s="450">
        <v>4.4000000000000004</v>
      </c>
      <c r="I16" s="450">
        <v>98.1</v>
      </c>
      <c r="J16" s="450">
        <v>4.7</v>
      </c>
      <c r="K16" s="450">
        <v>105.6</v>
      </c>
      <c r="L16" s="450">
        <v>0.9</v>
      </c>
      <c r="M16" s="450">
        <v>102</v>
      </c>
      <c r="N16" s="450">
        <v>4.8</v>
      </c>
      <c r="O16" s="450">
        <v>95</v>
      </c>
      <c r="P16" s="450">
        <v>1</v>
      </c>
      <c r="Q16" s="450">
        <v>98.8</v>
      </c>
      <c r="R16" s="450">
        <v>3.1</v>
      </c>
      <c r="S16" s="450">
        <v>96.2</v>
      </c>
      <c r="T16" s="450">
        <v>1.8</v>
      </c>
      <c r="U16" s="450">
        <v>100.4</v>
      </c>
      <c r="V16" s="450">
        <v>-4.8</v>
      </c>
      <c r="W16" s="450">
        <v>92.7</v>
      </c>
      <c r="X16" s="450">
        <v>-1.3</v>
      </c>
      <c r="Y16" s="450">
        <v>116.6</v>
      </c>
      <c r="Z16" s="450">
        <v>20.3</v>
      </c>
      <c r="AA16" s="450">
        <v>108.8</v>
      </c>
      <c r="AB16" s="450">
        <v>-5.4</v>
      </c>
      <c r="AC16" s="450">
        <v>71.7</v>
      </c>
      <c r="AD16" s="450">
        <v>-13.4</v>
      </c>
      <c r="AE16" s="450">
        <v>101.9</v>
      </c>
      <c r="AF16" s="450">
        <v>7.4</v>
      </c>
      <c r="AG16" s="450">
        <v>96</v>
      </c>
      <c r="AH16" s="450">
        <v>2.5</v>
      </c>
      <c r="AI16" s="450">
        <v>94.2</v>
      </c>
      <c r="AJ16" s="450">
        <v>-4.9000000000000004</v>
      </c>
      <c r="AK16" s="422"/>
    </row>
    <row r="17" spans="1:37" s="454" customFormat="1" ht="15" customHeight="1" x14ac:dyDescent="0.15">
      <c r="A17" s="615"/>
      <c r="B17" s="680"/>
      <c r="C17" s="456" t="s">
        <v>0</v>
      </c>
      <c r="D17" s="455" t="s">
        <v>234</v>
      </c>
      <c r="E17" s="452">
        <v>101.2</v>
      </c>
      <c r="F17" s="453">
        <v>1</v>
      </c>
      <c r="G17" s="452">
        <v>101.4</v>
      </c>
      <c r="H17" s="452">
        <v>2.1</v>
      </c>
      <c r="I17" s="452">
        <v>106</v>
      </c>
      <c r="J17" s="452">
        <v>3.1</v>
      </c>
      <c r="K17" s="452">
        <v>101</v>
      </c>
      <c r="L17" s="452">
        <v>2.9</v>
      </c>
      <c r="M17" s="452">
        <v>104.4</v>
      </c>
      <c r="N17" s="452">
        <v>7.2</v>
      </c>
      <c r="O17" s="452">
        <v>98.3</v>
      </c>
      <c r="P17" s="452">
        <v>-0.2</v>
      </c>
      <c r="Q17" s="452">
        <v>98.6</v>
      </c>
      <c r="R17" s="452">
        <v>3.7</v>
      </c>
      <c r="S17" s="452">
        <v>99.9</v>
      </c>
      <c r="T17" s="452">
        <v>5.2</v>
      </c>
      <c r="U17" s="452">
        <v>101</v>
      </c>
      <c r="V17" s="452">
        <v>-2.4</v>
      </c>
      <c r="W17" s="452">
        <v>97.7</v>
      </c>
      <c r="X17" s="452">
        <v>-1.7</v>
      </c>
      <c r="Y17" s="452">
        <v>117</v>
      </c>
      <c r="Z17" s="452">
        <v>16.399999999999999</v>
      </c>
      <c r="AA17" s="452">
        <v>107.9</v>
      </c>
      <c r="AB17" s="452">
        <v>-2.4</v>
      </c>
      <c r="AC17" s="452">
        <v>102.1</v>
      </c>
      <c r="AD17" s="452">
        <v>-1.8</v>
      </c>
      <c r="AE17" s="452">
        <v>101.6</v>
      </c>
      <c r="AF17" s="452">
        <v>2.5</v>
      </c>
      <c r="AG17" s="452">
        <v>95</v>
      </c>
      <c r="AH17" s="452">
        <v>1.7</v>
      </c>
      <c r="AI17" s="452">
        <v>98.8</v>
      </c>
      <c r="AJ17" s="452">
        <v>-4</v>
      </c>
      <c r="AK17" s="196"/>
    </row>
    <row r="18" spans="1:37" s="424" customFormat="1" ht="15" customHeight="1" x14ac:dyDescent="0.15">
      <c r="A18" s="615"/>
      <c r="B18" s="680"/>
      <c r="C18" s="456" t="s">
        <v>0</v>
      </c>
      <c r="D18" s="455" t="s">
        <v>235</v>
      </c>
      <c r="E18" s="450">
        <v>101.2</v>
      </c>
      <c r="F18" s="451">
        <v>-1.4</v>
      </c>
      <c r="G18" s="450">
        <v>106.2</v>
      </c>
      <c r="H18" s="450">
        <v>-0.2</v>
      </c>
      <c r="I18" s="450">
        <v>105.6</v>
      </c>
      <c r="J18" s="450">
        <v>1.4</v>
      </c>
      <c r="K18" s="450">
        <v>103.2</v>
      </c>
      <c r="L18" s="450">
        <v>1.8</v>
      </c>
      <c r="M18" s="450">
        <v>104.6</v>
      </c>
      <c r="N18" s="450">
        <v>2.8</v>
      </c>
      <c r="O18" s="450">
        <v>96.8</v>
      </c>
      <c r="P18" s="450">
        <v>-2</v>
      </c>
      <c r="Q18" s="450">
        <v>99.7</v>
      </c>
      <c r="R18" s="450">
        <v>0.3</v>
      </c>
      <c r="S18" s="450">
        <v>99.4</v>
      </c>
      <c r="T18" s="450">
        <v>0</v>
      </c>
      <c r="U18" s="450">
        <v>104.2</v>
      </c>
      <c r="V18" s="450">
        <v>-1.6</v>
      </c>
      <c r="W18" s="450">
        <v>100.4</v>
      </c>
      <c r="X18" s="450">
        <v>-3</v>
      </c>
      <c r="Y18" s="450">
        <v>113.6</v>
      </c>
      <c r="Z18" s="450">
        <v>4.4000000000000004</v>
      </c>
      <c r="AA18" s="450">
        <v>109.5</v>
      </c>
      <c r="AB18" s="450">
        <v>-6.4</v>
      </c>
      <c r="AC18" s="450">
        <v>98.9</v>
      </c>
      <c r="AD18" s="450">
        <v>-14.6</v>
      </c>
      <c r="AE18" s="450">
        <v>101.7</v>
      </c>
      <c r="AF18" s="450">
        <v>7.8</v>
      </c>
      <c r="AG18" s="450">
        <v>94.4</v>
      </c>
      <c r="AH18" s="450">
        <v>-7.4</v>
      </c>
      <c r="AI18" s="450">
        <v>97.2</v>
      </c>
      <c r="AJ18" s="450">
        <v>-6.4</v>
      </c>
      <c r="AK18" s="422"/>
    </row>
    <row r="19" spans="1:37" s="454" customFormat="1" ht="15" customHeight="1" x14ac:dyDescent="0.15">
      <c r="A19" s="615"/>
      <c r="B19" s="680"/>
      <c r="C19" s="456" t="s">
        <v>0</v>
      </c>
      <c r="D19" s="455" t="s">
        <v>236</v>
      </c>
      <c r="E19" s="452">
        <v>103</v>
      </c>
      <c r="F19" s="453">
        <v>-0.5</v>
      </c>
      <c r="G19" s="452">
        <v>107.3</v>
      </c>
      <c r="H19" s="452">
        <v>-0.7</v>
      </c>
      <c r="I19" s="452">
        <v>108.6</v>
      </c>
      <c r="J19" s="452">
        <v>1.6</v>
      </c>
      <c r="K19" s="452">
        <v>101</v>
      </c>
      <c r="L19" s="452">
        <v>1.6</v>
      </c>
      <c r="M19" s="452">
        <v>105.1</v>
      </c>
      <c r="N19" s="452">
        <v>1.2</v>
      </c>
      <c r="O19" s="452">
        <v>100.6</v>
      </c>
      <c r="P19" s="452">
        <v>0.5</v>
      </c>
      <c r="Q19" s="452">
        <v>101.1</v>
      </c>
      <c r="R19" s="452">
        <v>2.2999999999999998</v>
      </c>
      <c r="S19" s="452">
        <v>98.9</v>
      </c>
      <c r="T19" s="452">
        <v>-0.5</v>
      </c>
      <c r="U19" s="452">
        <v>106.2</v>
      </c>
      <c r="V19" s="452">
        <v>-2.8</v>
      </c>
      <c r="W19" s="452">
        <v>100.8</v>
      </c>
      <c r="X19" s="452">
        <v>-2.9</v>
      </c>
      <c r="Y19" s="452">
        <v>112</v>
      </c>
      <c r="Z19" s="452">
        <v>0.6</v>
      </c>
      <c r="AA19" s="452">
        <v>113</v>
      </c>
      <c r="AB19" s="452">
        <v>-4.7</v>
      </c>
      <c r="AC19" s="452">
        <v>104.9</v>
      </c>
      <c r="AD19" s="452">
        <v>-4.5999999999999996</v>
      </c>
      <c r="AE19" s="452">
        <v>102.6</v>
      </c>
      <c r="AF19" s="452">
        <v>6</v>
      </c>
      <c r="AG19" s="452">
        <v>96.1</v>
      </c>
      <c r="AH19" s="452">
        <v>-3.6</v>
      </c>
      <c r="AI19" s="452">
        <v>99.3</v>
      </c>
      <c r="AJ19" s="452">
        <v>-5.2</v>
      </c>
      <c r="AK19" s="196"/>
    </row>
    <row r="20" spans="1:37" s="424" customFormat="1" ht="15" customHeight="1" x14ac:dyDescent="0.15">
      <c r="A20" s="615"/>
      <c r="B20" s="680"/>
      <c r="C20" s="456" t="s">
        <v>0</v>
      </c>
      <c r="D20" s="455" t="s">
        <v>237</v>
      </c>
      <c r="E20" s="450">
        <v>101.9</v>
      </c>
      <c r="F20" s="451">
        <v>-0.6</v>
      </c>
      <c r="G20" s="450">
        <v>104.8</v>
      </c>
      <c r="H20" s="450">
        <v>0.8</v>
      </c>
      <c r="I20" s="450">
        <v>108</v>
      </c>
      <c r="J20" s="450">
        <v>2.6</v>
      </c>
      <c r="K20" s="450">
        <v>98.6</v>
      </c>
      <c r="L20" s="450">
        <v>2</v>
      </c>
      <c r="M20" s="450">
        <v>104.3</v>
      </c>
      <c r="N20" s="450">
        <v>1.8</v>
      </c>
      <c r="O20" s="450">
        <v>102.2</v>
      </c>
      <c r="P20" s="450">
        <v>-2.1</v>
      </c>
      <c r="Q20" s="450">
        <v>100</v>
      </c>
      <c r="R20" s="450">
        <v>1.8</v>
      </c>
      <c r="S20" s="450">
        <v>102.9</v>
      </c>
      <c r="T20" s="450">
        <v>1.6</v>
      </c>
      <c r="U20" s="450">
        <v>105.9</v>
      </c>
      <c r="V20" s="450">
        <v>-1</v>
      </c>
      <c r="W20" s="450">
        <v>96.9</v>
      </c>
      <c r="X20" s="450">
        <v>-3.9</v>
      </c>
      <c r="Y20" s="450">
        <v>119.4</v>
      </c>
      <c r="Z20" s="450">
        <v>5.2</v>
      </c>
      <c r="AA20" s="450">
        <v>110</v>
      </c>
      <c r="AB20" s="450">
        <v>-5.2</v>
      </c>
      <c r="AC20" s="450">
        <v>93.8</v>
      </c>
      <c r="AD20" s="450">
        <v>-7.4</v>
      </c>
      <c r="AE20" s="450">
        <v>99.8</v>
      </c>
      <c r="AF20" s="450">
        <v>4.5</v>
      </c>
      <c r="AG20" s="450">
        <v>102.6</v>
      </c>
      <c r="AH20" s="450">
        <v>-7.2</v>
      </c>
      <c r="AI20" s="450">
        <v>99</v>
      </c>
      <c r="AJ20" s="450">
        <v>-7</v>
      </c>
      <c r="AK20" s="422"/>
    </row>
    <row r="21" spans="1:37" s="454" customFormat="1" ht="15" customHeight="1" x14ac:dyDescent="0.15">
      <c r="A21" s="615"/>
      <c r="B21" s="680"/>
      <c r="C21" s="456" t="s">
        <v>238</v>
      </c>
      <c r="D21" s="455" t="s">
        <v>239</v>
      </c>
      <c r="E21" s="452">
        <v>95.2</v>
      </c>
      <c r="F21" s="453">
        <v>-0.1</v>
      </c>
      <c r="G21" s="452">
        <v>95</v>
      </c>
      <c r="H21" s="452">
        <v>1.6</v>
      </c>
      <c r="I21" s="452">
        <v>96.9</v>
      </c>
      <c r="J21" s="452">
        <v>0.9</v>
      </c>
      <c r="K21" s="452">
        <v>95.2</v>
      </c>
      <c r="L21" s="452">
        <v>0.8</v>
      </c>
      <c r="M21" s="452">
        <v>101.8</v>
      </c>
      <c r="N21" s="452">
        <v>5.2</v>
      </c>
      <c r="O21" s="452">
        <v>93.9</v>
      </c>
      <c r="P21" s="452">
        <v>0.4</v>
      </c>
      <c r="Q21" s="452">
        <v>94.7</v>
      </c>
      <c r="R21" s="452">
        <v>-0.1</v>
      </c>
      <c r="S21" s="452">
        <v>92.3</v>
      </c>
      <c r="T21" s="452">
        <v>-1.5</v>
      </c>
      <c r="U21" s="452">
        <v>99.1</v>
      </c>
      <c r="V21" s="452">
        <v>1.7</v>
      </c>
      <c r="W21" s="452">
        <v>88.7</v>
      </c>
      <c r="X21" s="452">
        <v>-4.2</v>
      </c>
      <c r="Y21" s="452">
        <v>120.5</v>
      </c>
      <c r="Z21" s="452">
        <v>8.8000000000000007</v>
      </c>
      <c r="AA21" s="452">
        <v>104.4</v>
      </c>
      <c r="AB21" s="452">
        <v>-7.6</v>
      </c>
      <c r="AC21" s="452">
        <v>91.6</v>
      </c>
      <c r="AD21" s="452">
        <v>7</v>
      </c>
      <c r="AE21" s="452">
        <v>95.7</v>
      </c>
      <c r="AF21" s="452">
        <v>-2.5</v>
      </c>
      <c r="AG21" s="452">
        <v>96.6</v>
      </c>
      <c r="AH21" s="452">
        <v>2.7</v>
      </c>
      <c r="AI21" s="452">
        <v>88.2</v>
      </c>
      <c r="AJ21" s="452">
        <v>-6.7</v>
      </c>
      <c r="AK21" s="196"/>
    </row>
    <row r="22" spans="1:37" s="424" customFormat="1" ht="15" customHeight="1" x14ac:dyDescent="0.15">
      <c r="A22" s="615"/>
      <c r="B22" s="680"/>
      <c r="C22" s="456" t="s">
        <v>0</v>
      </c>
      <c r="D22" s="455" t="s">
        <v>240</v>
      </c>
      <c r="E22" s="450">
        <v>99.3</v>
      </c>
      <c r="F22" s="451">
        <v>2.9</v>
      </c>
      <c r="G22" s="450">
        <v>103.6</v>
      </c>
      <c r="H22" s="450">
        <v>0.4</v>
      </c>
      <c r="I22" s="450">
        <v>105.9</v>
      </c>
      <c r="J22" s="450">
        <v>3.5</v>
      </c>
      <c r="K22" s="450">
        <v>94.8</v>
      </c>
      <c r="L22" s="450">
        <v>4.5999999999999996</v>
      </c>
      <c r="M22" s="450">
        <v>101.1</v>
      </c>
      <c r="N22" s="450">
        <v>6.8</v>
      </c>
      <c r="O22" s="450">
        <v>94.8</v>
      </c>
      <c r="P22" s="450">
        <v>2.4</v>
      </c>
      <c r="Q22" s="450">
        <v>98.2</v>
      </c>
      <c r="R22" s="450">
        <v>1.7</v>
      </c>
      <c r="S22" s="450">
        <v>93.3</v>
      </c>
      <c r="T22" s="450">
        <v>8</v>
      </c>
      <c r="U22" s="450">
        <v>105.4</v>
      </c>
      <c r="V22" s="450">
        <v>7.4</v>
      </c>
      <c r="W22" s="450">
        <v>95.1</v>
      </c>
      <c r="X22" s="450">
        <v>0</v>
      </c>
      <c r="Y22" s="450">
        <v>109.8</v>
      </c>
      <c r="Z22" s="450">
        <v>7.8</v>
      </c>
      <c r="AA22" s="450">
        <v>99.6</v>
      </c>
      <c r="AB22" s="450">
        <v>-5.0999999999999996</v>
      </c>
      <c r="AC22" s="450">
        <v>98.6</v>
      </c>
      <c r="AD22" s="450">
        <v>17</v>
      </c>
      <c r="AE22" s="450">
        <v>100.2</v>
      </c>
      <c r="AF22" s="450">
        <v>2.9</v>
      </c>
      <c r="AG22" s="450">
        <v>95</v>
      </c>
      <c r="AH22" s="450">
        <v>11.9</v>
      </c>
      <c r="AI22" s="450">
        <v>95.7</v>
      </c>
      <c r="AJ22" s="450">
        <v>-1.8</v>
      </c>
      <c r="AK22" s="422"/>
    </row>
    <row r="23" spans="1:37" s="454" customFormat="1" ht="15" customHeight="1" x14ac:dyDescent="0.15">
      <c r="A23" s="615"/>
      <c r="B23" s="680"/>
      <c r="C23" s="456" t="s">
        <v>0</v>
      </c>
      <c r="D23" s="455" t="s">
        <v>241</v>
      </c>
      <c r="E23" s="452">
        <v>102.5</v>
      </c>
      <c r="F23" s="453">
        <v>2.1</v>
      </c>
      <c r="G23" s="452">
        <v>106.1</v>
      </c>
      <c r="H23" s="452">
        <v>1.6</v>
      </c>
      <c r="I23" s="452">
        <v>108</v>
      </c>
      <c r="J23" s="452">
        <v>1.9</v>
      </c>
      <c r="K23" s="452">
        <v>104.6</v>
      </c>
      <c r="L23" s="452">
        <v>-8</v>
      </c>
      <c r="M23" s="452">
        <v>108.2</v>
      </c>
      <c r="N23" s="452">
        <v>5.2</v>
      </c>
      <c r="O23" s="452">
        <v>100.7</v>
      </c>
      <c r="P23" s="452">
        <v>4.5999999999999996</v>
      </c>
      <c r="Q23" s="452">
        <v>97.5</v>
      </c>
      <c r="R23" s="452">
        <v>1.8</v>
      </c>
      <c r="S23" s="452">
        <v>102.1</v>
      </c>
      <c r="T23" s="452">
        <v>5.8</v>
      </c>
      <c r="U23" s="452">
        <v>108.4</v>
      </c>
      <c r="V23" s="452">
        <v>9.5</v>
      </c>
      <c r="W23" s="452">
        <v>102.4</v>
      </c>
      <c r="X23" s="452">
        <v>-0.8</v>
      </c>
      <c r="Y23" s="452">
        <v>117</v>
      </c>
      <c r="Z23" s="452">
        <v>8.9</v>
      </c>
      <c r="AA23" s="452">
        <v>105.9</v>
      </c>
      <c r="AB23" s="452">
        <v>-7.9</v>
      </c>
      <c r="AC23" s="452">
        <v>102.4</v>
      </c>
      <c r="AD23" s="452">
        <v>14.9</v>
      </c>
      <c r="AE23" s="452">
        <v>102.6</v>
      </c>
      <c r="AF23" s="452">
        <v>1.9</v>
      </c>
      <c r="AG23" s="452">
        <v>104.6</v>
      </c>
      <c r="AH23" s="452">
        <v>2.5</v>
      </c>
      <c r="AI23" s="452">
        <v>98.9</v>
      </c>
      <c r="AJ23" s="452">
        <v>-4.0999999999999996</v>
      </c>
      <c r="AK23" s="196"/>
    </row>
    <row r="24" spans="1:37" s="424" customFormat="1" ht="15" customHeight="1" x14ac:dyDescent="0.15">
      <c r="A24" s="615"/>
      <c r="B24" s="680"/>
      <c r="C24" s="456" t="s">
        <v>0</v>
      </c>
      <c r="D24" s="455" t="s">
        <v>242</v>
      </c>
      <c r="E24" s="450">
        <v>104.3</v>
      </c>
      <c r="F24" s="451">
        <v>-0.3</v>
      </c>
      <c r="G24" s="450">
        <v>107.3</v>
      </c>
      <c r="H24" s="450">
        <v>0</v>
      </c>
      <c r="I24" s="450">
        <v>108.8</v>
      </c>
      <c r="J24" s="450">
        <v>-0.4</v>
      </c>
      <c r="K24" s="450">
        <v>101.7</v>
      </c>
      <c r="L24" s="450">
        <v>-2.4</v>
      </c>
      <c r="M24" s="450">
        <v>109.3</v>
      </c>
      <c r="N24" s="450">
        <v>0.4</v>
      </c>
      <c r="O24" s="450">
        <v>103.5</v>
      </c>
      <c r="P24" s="450">
        <v>1.2</v>
      </c>
      <c r="Q24" s="450">
        <v>101.8</v>
      </c>
      <c r="R24" s="450">
        <v>0.1</v>
      </c>
      <c r="S24" s="450">
        <v>96.5</v>
      </c>
      <c r="T24" s="450">
        <v>-2.9</v>
      </c>
      <c r="U24" s="450">
        <v>111.3</v>
      </c>
      <c r="V24" s="450">
        <v>2.7</v>
      </c>
      <c r="W24" s="450">
        <v>100.7</v>
      </c>
      <c r="X24" s="450">
        <v>-2</v>
      </c>
      <c r="Y24" s="450">
        <v>121.1</v>
      </c>
      <c r="Z24" s="450">
        <v>1.5</v>
      </c>
      <c r="AA24" s="450">
        <v>118.6</v>
      </c>
      <c r="AB24" s="450">
        <v>0.7</v>
      </c>
      <c r="AC24" s="450">
        <v>102.3</v>
      </c>
      <c r="AD24" s="450">
        <v>9.4</v>
      </c>
      <c r="AE24" s="450">
        <v>103.7</v>
      </c>
      <c r="AF24" s="450">
        <v>-2.2999999999999998</v>
      </c>
      <c r="AG24" s="450">
        <v>100.6</v>
      </c>
      <c r="AH24" s="450">
        <v>-1.4</v>
      </c>
      <c r="AI24" s="450">
        <v>98.7</v>
      </c>
      <c r="AJ24" s="450">
        <v>-2.8</v>
      </c>
      <c r="AK24" s="422"/>
    </row>
    <row r="25" spans="1:37" s="454" customFormat="1" ht="15" customHeight="1" x14ac:dyDescent="0.15">
      <c r="A25" s="615"/>
      <c r="B25" s="680"/>
      <c r="C25" s="456" t="s">
        <v>0</v>
      </c>
      <c r="D25" s="455" t="s">
        <v>243</v>
      </c>
      <c r="E25" s="452">
        <v>99.5</v>
      </c>
      <c r="F25" s="453">
        <v>4.2</v>
      </c>
      <c r="G25" s="452">
        <v>98.1</v>
      </c>
      <c r="H25" s="452">
        <v>1.7</v>
      </c>
      <c r="I25" s="452">
        <v>99.9</v>
      </c>
      <c r="J25" s="452">
        <v>5.2</v>
      </c>
      <c r="K25" s="452">
        <v>100.5</v>
      </c>
      <c r="L25" s="452">
        <v>1.7</v>
      </c>
      <c r="M25" s="452">
        <v>103</v>
      </c>
      <c r="N25" s="452">
        <v>4.4000000000000004</v>
      </c>
      <c r="O25" s="452">
        <v>99</v>
      </c>
      <c r="P25" s="452">
        <v>6.3</v>
      </c>
      <c r="Q25" s="452">
        <v>98.2</v>
      </c>
      <c r="R25" s="452">
        <v>2</v>
      </c>
      <c r="S25" s="452">
        <v>96.5</v>
      </c>
      <c r="T25" s="452">
        <v>2.6</v>
      </c>
      <c r="U25" s="452">
        <v>101.5</v>
      </c>
      <c r="V25" s="452">
        <v>2.6</v>
      </c>
      <c r="W25" s="452">
        <v>94</v>
      </c>
      <c r="X25" s="452">
        <v>1.6</v>
      </c>
      <c r="Y25" s="452">
        <v>118.9</v>
      </c>
      <c r="Z25" s="452">
        <v>-1.7</v>
      </c>
      <c r="AA25" s="452">
        <v>115.2</v>
      </c>
      <c r="AB25" s="452">
        <v>0.8</v>
      </c>
      <c r="AC25" s="452">
        <v>101.8</v>
      </c>
      <c r="AD25" s="452">
        <v>15.7</v>
      </c>
      <c r="AE25" s="452">
        <v>100.8</v>
      </c>
      <c r="AF25" s="452">
        <v>9.6</v>
      </c>
      <c r="AG25" s="452">
        <v>101</v>
      </c>
      <c r="AH25" s="452">
        <v>4.5999999999999996</v>
      </c>
      <c r="AI25" s="452">
        <v>94.7</v>
      </c>
      <c r="AJ25" s="452">
        <v>2.5</v>
      </c>
      <c r="AK25" s="196"/>
    </row>
    <row r="26" spans="1:37" s="424" customFormat="1" ht="14.25" customHeight="1" x14ac:dyDescent="0.15">
      <c r="A26" s="615"/>
      <c r="B26" s="680"/>
      <c r="C26" s="448"/>
      <c r="D26" s="455"/>
      <c r="E26" s="452"/>
      <c r="F26" s="453"/>
      <c r="G26" s="452"/>
      <c r="H26" s="452"/>
      <c r="I26" s="452"/>
      <c r="J26" s="452"/>
      <c r="K26" s="452"/>
      <c r="L26" s="452"/>
      <c r="M26" s="452"/>
      <c r="N26" s="452"/>
      <c r="O26" s="452"/>
      <c r="P26" s="452"/>
      <c r="Q26" s="452"/>
      <c r="R26" s="452"/>
      <c r="S26" s="452"/>
      <c r="T26" s="452"/>
      <c r="U26" s="493"/>
      <c r="V26" s="452"/>
      <c r="W26" s="493"/>
      <c r="X26" s="452"/>
      <c r="Y26" s="493"/>
      <c r="Z26" s="452"/>
      <c r="AA26" s="493"/>
      <c r="AB26" s="452"/>
      <c r="AC26" s="452"/>
      <c r="AD26" s="452"/>
      <c r="AE26" s="452"/>
      <c r="AF26" s="452"/>
      <c r="AG26" s="452"/>
      <c r="AH26" s="452"/>
      <c r="AI26" s="493"/>
      <c r="AJ26" s="452"/>
      <c r="AK26" s="422"/>
    </row>
    <row r="27" spans="1:37" s="424" customFormat="1" ht="14.25" customHeight="1" x14ac:dyDescent="0.15">
      <c r="A27" s="615"/>
      <c r="B27" s="680"/>
      <c r="C27" s="448" t="s">
        <v>238</v>
      </c>
      <c r="D27" s="455" t="s">
        <v>231</v>
      </c>
      <c r="E27" s="450">
        <v>105</v>
      </c>
      <c r="F27" s="451">
        <v>0.3</v>
      </c>
      <c r="G27" s="450">
        <v>106.3</v>
      </c>
      <c r="H27" s="450">
        <v>6</v>
      </c>
      <c r="I27" s="450">
        <v>110.1</v>
      </c>
      <c r="J27" s="450">
        <v>0.6</v>
      </c>
      <c r="K27" s="450">
        <v>108.8</v>
      </c>
      <c r="L27" s="450">
        <v>-2.1</v>
      </c>
      <c r="M27" s="450">
        <v>105.4</v>
      </c>
      <c r="N27" s="450">
        <v>-0.9</v>
      </c>
      <c r="O27" s="450">
        <v>104.6</v>
      </c>
      <c r="P27" s="450">
        <v>4.3</v>
      </c>
      <c r="Q27" s="450">
        <v>101.2</v>
      </c>
      <c r="R27" s="450">
        <v>0.8</v>
      </c>
      <c r="S27" s="450">
        <v>105.9</v>
      </c>
      <c r="T27" s="450">
        <v>3.6</v>
      </c>
      <c r="U27" s="450">
        <v>109.7</v>
      </c>
      <c r="V27" s="450">
        <v>6.5</v>
      </c>
      <c r="W27" s="450">
        <v>104.1</v>
      </c>
      <c r="X27" s="450">
        <v>-1.7</v>
      </c>
      <c r="Y27" s="450">
        <v>119.4</v>
      </c>
      <c r="Z27" s="450">
        <v>0.3</v>
      </c>
      <c r="AA27" s="450">
        <v>111.9</v>
      </c>
      <c r="AB27" s="450">
        <v>-7.7</v>
      </c>
      <c r="AC27" s="450">
        <v>103.6</v>
      </c>
      <c r="AD27" s="450">
        <v>6.4</v>
      </c>
      <c r="AE27" s="450">
        <v>107.4</v>
      </c>
      <c r="AF27" s="450">
        <v>-2.6</v>
      </c>
      <c r="AG27" s="450">
        <v>105.8</v>
      </c>
      <c r="AH27" s="450">
        <v>0.6</v>
      </c>
      <c r="AI27" s="450">
        <v>101.1</v>
      </c>
      <c r="AJ27" s="450">
        <v>0</v>
      </c>
      <c r="AK27" s="422"/>
    </row>
    <row r="28" spans="1:37" s="424" customFormat="1" ht="11.25" customHeight="1" x14ac:dyDescent="0.15">
      <c r="A28" s="615"/>
      <c r="B28" s="681"/>
      <c r="C28" s="457"/>
      <c r="D28" s="458"/>
      <c r="E28" s="452"/>
      <c r="F28" s="453"/>
      <c r="G28" s="452"/>
      <c r="H28" s="452"/>
      <c r="I28" s="452"/>
      <c r="J28" s="452"/>
      <c r="K28" s="452"/>
      <c r="L28" s="452"/>
      <c r="M28" s="452"/>
      <c r="N28" s="452"/>
      <c r="O28" s="452"/>
      <c r="P28" s="452"/>
      <c r="Q28" s="452"/>
      <c r="R28" s="452"/>
      <c r="S28" s="452"/>
      <c r="T28" s="452"/>
      <c r="U28" s="452"/>
      <c r="V28" s="452"/>
      <c r="W28" s="452"/>
      <c r="X28" s="452"/>
      <c r="Y28" s="452"/>
      <c r="Z28" s="452"/>
      <c r="AA28" s="452"/>
      <c r="AB28" s="452"/>
      <c r="AC28" s="452"/>
      <c r="AD28" s="452"/>
      <c r="AE28" s="452"/>
      <c r="AF28" s="452"/>
      <c r="AG28" s="452"/>
      <c r="AH28" s="452"/>
      <c r="AI28" s="452"/>
      <c r="AJ28" s="452"/>
      <c r="AK28" s="422"/>
    </row>
    <row r="29" spans="1:37" s="424" customFormat="1" ht="11.25" customHeight="1" x14ac:dyDescent="0.15">
      <c r="A29" s="615"/>
      <c r="B29" s="459"/>
      <c r="C29" s="460"/>
      <c r="D29" s="461"/>
      <c r="E29" s="462"/>
      <c r="F29" s="463"/>
      <c r="G29" s="462"/>
      <c r="H29" s="462"/>
      <c r="I29" s="462"/>
      <c r="J29" s="462"/>
      <c r="K29" s="462"/>
      <c r="L29" s="462"/>
      <c r="M29" s="462"/>
      <c r="N29" s="462"/>
      <c r="O29" s="462"/>
      <c r="P29" s="462"/>
      <c r="Q29" s="462"/>
      <c r="R29" s="462"/>
      <c r="S29" s="462"/>
      <c r="T29" s="462"/>
      <c r="U29" s="462"/>
      <c r="V29" s="462"/>
      <c r="W29" s="462"/>
      <c r="X29" s="462"/>
      <c r="Y29" s="462"/>
      <c r="Z29" s="462"/>
      <c r="AA29" s="462"/>
      <c r="AB29" s="462"/>
      <c r="AC29" s="462"/>
      <c r="AD29" s="462"/>
      <c r="AE29" s="462"/>
      <c r="AF29" s="462"/>
      <c r="AG29" s="462"/>
      <c r="AH29" s="462"/>
      <c r="AI29" s="462"/>
      <c r="AJ29" s="462"/>
      <c r="AK29" s="422"/>
    </row>
    <row r="30" spans="1:37" s="424" customFormat="1" ht="14.25" customHeight="1" x14ac:dyDescent="0.15">
      <c r="A30" s="615"/>
      <c r="B30" s="472"/>
      <c r="C30" s="448" t="s">
        <v>226</v>
      </c>
      <c r="D30" s="449" t="s">
        <v>227</v>
      </c>
      <c r="E30" s="450">
        <v>103.9</v>
      </c>
      <c r="F30" s="451">
        <v>-1.1000000000000001</v>
      </c>
      <c r="G30" s="450">
        <v>105.3</v>
      </c>
      <c r="H30" s="450">
        <v>0.4</v>
      </c>
      <c r="I30" s="450">
        <v>102.5</v>
      </c>
      <c r="J30" s="450">
        <v>-2</v>
      </c>
      <c r="K30" s="450">
        <v>98.3</v>
      </c>
      <c r="L30" s="450">
        <v>0.5</v>
      </c>
      <c r="M30" s="450">
        <v>100.7</v>
      </c>
      <c r="N30" s="450">
        <v>-8.6</v>
      </c>
      <c r="O30" s="450">
        <v>100.7</v>
      </c>
      <c r="P30" s="450">
        <v>2.7</v>
      </c>
      <c r="Q30" s="450">
        <v>103.1</v>
      </c>
      <c r="R30" s="450">
        <v>-4.8</v>
      </c>
      <c r="S30" s="450">
        <v>103.3</v>
      </c>
      <c r="T30" s="450">
        <v>4.7</v>
      </c>
      <c r="U30" s="450">
        <v>105.9</v>
      </c>
      <c r="V30" s="450">
        <v>7.6</v>
      </c>
      <c r="W30" s="450">
        <v>100.4</v>
      </c>
      <c r="X30" s="450">
        <v>-1</v>
      </c>
      <c r="Y30" s="450">
        <v>108.4</v>
      </c>
      <c r="Z30" s="450">
        <v>0.8</v>
      </c>
      <c r="AA30" s="450">
        <v>112.4</v>
      </c>
      <c r="AB30" s="450">
        <v>-6.4</v>
      </c>
      <c r="AC30" s="450">
        <v>104.6</v>
      </c>
      <c r="AD30" s="450">
        <v>7.5</v>
      </c>
      <c r="AE30" s="450">
        <v>106.1</v>
      </c>
      <c r="AF30" s="450">
        <v>-1.9</v>
      </c>
      <c r="AG30" s="450">
        <v>101.2</v>
      </c>
      <c r="AH30" s="450">
        <v>0.1</v>
      </c>
      <c r="AI30" s="450">
        <v>105.6</v>
      </c>
      <c r="AJ30" s="450">
        <v>-0.4</v>
      </c>
      <c r="AK30" s="422"/>
    </row>
    <row r="31" spans="1:37" s="454" customFormat="1" ht="14.25" customHeight="1" x14ac:dyDescent="0.15">
      <c r="A31" s="615"/>
      <c r="B31" s="479"/>
      <c r="C31" s="448" t="s">
        <v>226</v>
      </c>
      <c r="D31" s="449" t="s">
        <v>228</v>
      </c>
      <c r="E31" s="452">
        <v>100</v>
      </c>
      <c r="F31" s="453">
        <v>-3.6</v>
      </c>
      <c r="G31" s="452">
        <v>100</v>
      </c>
      <c r="H31" s="452">
        <v>-5.0999999999999996</v>
      </c>
      <c r="I31" s="452">
        <v>100</v>
      </c>
      <c r="J31" s="452">
        <v>-2.4</v>
      </c>
      <c r="K31" s="452">
        <v>100</v>
      </c>
      <c r="L31" s="452">
        <v>1.7</v>
      </c>
      <c r="M31" s="452">
        <v>100</v>
      </c>
      <c r="N31" s="452">
        <v>-0.7</v>
      </c>
      <c r="O31" s="452">
        <v>100</v>
      </c>
      <c r="P31" s="452">
        <v>-0.7</v>
      </c>
      <c r="Q31" s="452">
        <v>100</v>
      </c>
      <c r="R31" s="452">
        <v>-3</v>
      </c>
      <c r="S31" s="452">
        <v>100</v>
      </c>
      <c r="T31" s="452">
        <v>-3.2</v>
      </c>
      <c r="U31" s="452">
        <v>100</v>
      </c>
      <c r="V31" s="452">
        <v>-5.6</v>
      </c>
      <c r="W31" s="452">
        <v>100</v>
      </c>
      <c r="X31" s="452">
        <v>-0.3</v>
      </c>
      <c r="Y31" s="452">
        <v>100</v>
      </c>
      <c r="Z31" s="452">
        <v>-7.7</v>
      </c>
      <c r="AA31" s="452">
        <v>100</v>
      </c>
      <c r="AB31" s="452">
        <v>-11</v>
      </c>
      <c r="AC31" s="452">
        <v>100</v>
      </c>
      <c r="AD31" s="452">
        <v>-4.4000000000000004</v>
      </c>
      <c r="AE31" s="452">
        <v>100</v>
      </c>
      <c r="AF31" s="452">
        <v>-5.8</v>
      </c>
      <c r="AG31" s="452">
        <v>100</v>
      </c>
      <c r="AH31" s="452">
        <v>-1.2</v>
      </c>
      <c r="AI31" s="452">
        <v>100</v>
      </c>
      <c r="AJ31" s="452">
        <v>-5.3</v>
      </c>
      <c r="AK31" s="196"/>
    </row>
    <row r="32" spans="1:37" s="424" customFormat="1" ht="14.25" customHeight="1" x14ac:dyDescent="0.15">
      <c r="A32" s="615"/>
      <c r="B32" s="472"/>
      <c r="C32" s="448" t="s">
        <v>226</v>
      </c>
      <c r="D32" s="449" t="s">
        <v>229</v>
      </c>
      <c r="E32" s="450">
        <v>101.1</v>
      </c>
      <c r="F32" s="451">
        <v>1.1000000000000001</v>
      </c>
      <c r="G32" s="450">
        <v>109.3</v>
      </c>
      <c r="H32" s="450">
        <v>9.3000000000000007</v>
      </c>
      <c r="I32" s="450">
        <v>101.4</v>
      </c>
      <c r="J32" s="450">
        <v>1.4</v>
      </c>
      <c r="K32" s="450">
        <v>99.9</v>
      </c>
      <c r="L32" s="450">
        <v>-0.2</v>
      </c>
      <c r="M32" s="450">
        <v>104.1</v>
      </c>
      <c r="N32" s="450">
        <v>4.0999999999999996</v>
      </c>
      <c r="O32" s="450">
        <v>99.3</v>
      </c>
      <c r="P32" s="450">
        <v>-0.7</v>
      </c>
      <c r="Q32" s="450">
        <v>98.8</v>
      </c>
      <c r="R32" s="450">
        <v>-1.3</v>
      </c>
      <c r="S32" s="450">
        <v>100.3</v>
      </c>
      <c r="T32" s="450">
        <v>0.3</v>
      </c>
      <c r="U32" s="450">
        <v>107.4</v>
      </c>
      <c r="V32" s="450">
        <v>7.4</v>
      </c>
      <c r="W32" s="450">
        <v>101.9</v>
      </c>
      <c r="X32" s="450">
        <v>1.8</v>
      </c>
      <c r="Y32" s="450">
        <v>103.6</v>
      </c>
      <c r="Z32" s="450">
        <v>3.6</v>
      </c>
      <c r="AA32" s="450">
        <v>102.3</v>
      </c>
      <c r="AB32" s="450">
        <v>2.2000000000000002</v>
      </c>
      <c r="AC32" s="450">
        <v>108.8</v>
      </c>
      <c r="AD32" s="450">
        <v>8.8000000000000007</v>
      </c>
      <c r="AE32" s="450">
        <v>97.8</v>
      </c>
      <c r="AF32" s="450">
        <v>-2.2000000000000002</v>
      </c>
      <c r="AG32" s="450">
        <v>98.8</v>
      </c>
      <c r="AH32" s="450">
        <v>-1.2</v>
      </c>
      <c r="AI32" s="450">
        <v>100.5</v>
      </c>
      <c r="AJ32" s="450">
        <v>0.5</v>
      </c>
      <c r="AK32" s="422"/>
    </row>
    <row r="33" spans="1:37" s="454" customFormat="1" ht="14.25" customHeight="1" x14ac:dyDescent="0.15">
      <c r="A33" s="615"/>
      <c r="B33" s="479"/>
      <c r="C33" s="448" t="s">
        <v>226</v>
      </c>
      <c r="D33" s="449" t="s">
        <v>230</v>
      </c>
      <c r="E33" s="452">
        <v>101.6</v>
      </c>
      <c r="F33" s="453">
        <v>0.5</v>
      </c>
      <c r="G33" s="452">
        <v>107.8</v>
      </c>
      <c r="H33" s="452">
        <v>-1.4</v>
      </c>
      <c r="I33" s="452">
        <v>102.7</v>
      </c>
      <c r="J33" s="452">
        <v>1.3</v>
      </c>
      <c r="K33" s="452">
        <v>102.7</v>
      </c>
      <c r="L33" s="452">
        <v>2.8</v>
      </c>
      <c r="M33" s="452">
        <v>105.9</v>
      </c>
      <c r="N33" s="452">
        <v>1.7</v>
      </c>
      <c r="O33" s="452">
        <v>100</v>
      </c>
      <c r="P33" s="452">
        <v>0.7</v>
      </c>
      <c r="Q33" s="452">
        <v>102.2</v>
      </c>
      <c r="R33" s="452">
        <v>3.4</v>
      </c>
      <c r="S33" s="452">
        <v>97.2</v>
      </c>
      <c r="T33" s="452">
        <v>-3.1</v>
      </c>
      <c r="U33" s="452">
        <v>106.4</v>
      </c>
      <c r="V33" s="452">
        <v>-0.9</v>
      </c>
      <c r="W33" s="452">
        <v>99.8</v>
      </c>
      <c r="X33" s="452">
        <v>-2.1</v>
      </c>
      <c r="Y33" s="452">
        <v>118.8</v>
      </c>
      <c r="Z33" s="452">
        <v>14.7</v>
      </c>
      <c r="AA33" s="452">
        <v>104</v>
      </c>
      <c r="AB33" s="452">
        <v>1.7</v>
      </c>
      <c r="AC33" s="452">
        <v>91.7</v>
      </c>
      <c r="AD33" s="452">
        <v>-15.7</v>
      </c>
      <c r="AE33" s="452">
        <v>105.9</v>
      </c>
      <c r="AF33" s="452">
        <v>8.3000000000000007</v>
      </c>
      <c r="AG33" s="466">
        <v>99.4</v>
      </c>
      <c r="AH33" s="466">
        <v>0.6</v>
      </c>
      <c r="AI33" s="452">
        <v>95.5</v>
      </c>
      <c r="AJ33" s="452">
        <v>-5</v>
      </c>
      <c r="AK33" s="196"/>
    </row>
    <row r="34" spans="1:37" s="424" customFormat="1" ht="14.25" customHeight="1" x14ac:dyDescent="0.15">
      <c r="A34" s="615"/>
      <c r="B34" s="472"/>
      <c r="C34" s="448"/>
      <c r="D34" s="449"/>
      <c r="E34" s="452"/>
      <c r="F34" s="453"/>
      <c r="G34" s="452"/>
      <c r="H34" s="452"/>
      <c r="I34" s="452"/>
      <c r="J34" s="452"/>
      <c r="K34" s="452"/>
      <c r="L34" s="452"/>
      <c r="M34" s="452"/>
      <c r="N34" s="452"/>
      <c r="O34" s="452"/>
      <c r="P34" s="452"/>
      <c r="Q34" s="452"/>
      <c r="R34" s="452"/>
      <c r="S34" s="452"/>
      <c r="T34" s="452"/>
      <c r="U34" s="452"/>
      <c r="V34" s="452"/>
      <c r="W34" s="452"/>
      <c r="X34" s="452"/>
      <c r="Y34" s="452"/>
      <c r="Z34" s="452"/>
      <c r="AA34" s="452"/>
      <c r="AB34" s="452"/>
      <c r="AC34" s="452"/>
      <c r="AD34" s="452"/>
      <c r="AE34" s="452"/>
      <c r="AF34" s="452"/>
      <c r="AG34" s="466"/>
      <c r="AH34" s="466"/>
      <c r="AI34" s="452"/>
      <c r="AJ34" s="452"/>
      <c r="AK34" s="422"/>
    </row>
    <row r="35" spans="1:37" s="424" customFormat="1" ht="15" customHeight="1" x14ac:dyDescent="0.15">
      <c r="A35" s="615"/>
      <c r="B35" s="682" t="s">
        <v>47</v>
      </c>
      <c r="C35" s="448" t="s">
        <v>207</v>
      </c>
      <c r="D35" s="455" t="s">
        <v>231</v>
      </c>
      <c r="E35" s="450">
        <v>106.5</v>
      </c>
      <c r="F35" s="451">
        <v>1.8</v>
      </c>
      <c r="G35" s="450">
        <v>100.9</v>
      </c>
      <c r="H35" s="450">
        <v>-4.8</v>
      </c>
      <c r="I35" s="450">
        <v>107.9</v>
      </c>
      <c r="J35" s="450">
        <v>3.7</v>
      </c>
      <c r="K35" s="450">
        <v>111.6</v>
      </c>
      <c r="L35" s="450">
        <v>4.9000000000000004</v>
      </c>
      <c r="M35" s="450">
        <v>110</v>
      </c>
      <c r="N35" s="450">
        <v>4.5</v>
      </c>
      <c r="O35" s="450">
        <v>102.6</v>
      </c>
      <c r="P35" s="450">
        <v>2.1</v>
      </c>
      <c r="Q35" s="450">
        <v>105.1</v>
      </c>
      <c r="R35" s="450">
        <v>6.1</v>
      </c>
      <c r="S35" s="450">
        <v>103.4</v>
      </c>
      <c r="T35" s="450">
        <v>-4.5</v>
      </c>
      <c r="U35" s="450">
        <v>106.2</v>
      </c>
      <c r="V35" s="450">
        <v>-2.6</v>
      </c>
      <c r="W35" s="450">
        <v>106.1</v>
      </c>
      <c r="X35" s="450">
        <v>0.1</v>
      </c>
      <c r="Y35" s="450">
        <v>123.7</v>
      </c>
      <c r="Z35" s="450">
        <v>24.7</v>
      </c>
      <c r="AA35" s="450">
        <v>104.3</v>
      </c>
      <c r="AB35" s="450">
        <v>0.3</v>
      </c>
      <c r="AC35" s="450">
        <v>101.9</v>
      </c>
      <c r="AD35" s="450">
        <v>-13.7</v>
      </c>
      <c r="AE35" s="450">
        <v>115.9</v>
      </c>
      <c r="AF35" s="450">
        <v>10.199999999999999</v>
      </c>
      <c r="AG35" s="465">
        <v>103.4</v>
      </c>
      <c r="AH35" s="465">
        <v>0.3</v>
      </c>
      <c r="AI35" s="450">
        <v>98</v>
      </c>
      <c r="AJ35" s="450">
        <v>-7.5</v>
      </c>
      <c r="AK35" s="422"/>
    </row>
    <row r="36" spans="1:37" s="454" customFormat="1" ht="15" customHeight="1" x14ac:dyDescent="0.15">
      <c r="A36" s="615"/>
      <c r="B36" s="682"/>
      <c r="C36" s="456" t="s">
        <v>0</v>
      </c>
      <c r="D36" s="455" t="s">
        <v>232</v>
      </c>
      <c r="E36" s="452">
        <v>104.3</v>
      </c>
      <c r="F36" s="453">
        <v>0.3</v>
      </c>
      <c r="G36" s="452">
        <v>117.4</v>
      </c>
      <c r="H36" s="452">
        <v>0.6</v>
      </c>
      <c r="I36" s="452">
        <v>105.9</v>
      </c>
      <c r="J36" s="452">
        <v>-0.5</v>
      </c>
      <c r="K36" s="452">
        <v>101.4</v>
      </c>
      <c r="L36" s="452">
        <v>1.8</v>
      </c>
      <c r="M36" s="452">
        <v>110.8</v>
      </c>
      <c r="N36" s="452">
        <v>1.1000000000000001</v>
      </c>
      <c r="O36" s="452">
        <v>99.9</v>
      </c>
      <c r="P36" s="452">
        <v>-1.3</v>
      </c>
      <c r="Q36" s="452">
        <v>104.1</v>
      </c>
      <c r="R36" s="452">
        <v>2.1</v>
      </c>
      <c r="S36" s="452">
        <v>98.8</v>
      </c>
      <c r="T36" s="452">
        <v>-1.9</v>
      </c>
      <c r="U36" s="452">
        <v>110.6</v>
      </c>
      <c r="V36" s="452">
        <v>-2.4</v>
      </c>
      <c r="W36" s="452">
        <v>104</v>
      </c>
      <c r="X36" s="452">
        <v>-2.9</v>
      </c>
      <c r="Y36" s="452">
        <v>119.3</v>
      </c>
      <c r="Z36" s="452">
        <v>14.4</v>
      </c>
      <c r="AA36" s="452">
        <v>105.8</v>
      </c>
      <c r="AB36" s="452">
        <v>1</v>
      </c>
      <c r="AC36" s="452">
        <v>90.7</v>
      </c>
      <c r="AD36" s="452">
        <v>-12.6</v>
      </c>
      <c r="AE36" s="452">
        <v>111</v>
      </c>
      <c r="AF36" s="452">
        <v>10</v>
      </c>
      <c r="AG36" s="466">
        <v>101.9</v>
      </c>
      <c r="AH36" s="466">
        <v>0.8</v>
      </c>
      <c r="AI36" s="452">
        <v>97.1</v>
      </c>
      <c r="AJ36" s="452">
        <v>-4.8</v>
      </c>
      <c r="AK36" s="196"/>
    </row>
    <row r="37" spans="1:37" s="424" customFormat="1" ht="15" customHeight="1" x14ac:dyDescent="0.15">
      <c r="A37" s="615"/>
      <c r="B37" s="682"/>
      <c r="C37" s="456" t="s">
        <v>0</v>
      </c>
      <c r="D37" s="455" t="s">
        <v>233</v>
      </c>
      <c r="E37" s="450">
        <v>97.6</v>
      </c>
      <c r="F37" s="451">
        <v>2.2000000000000002</v>
      </c>
      <c r="G37" s="450">
        <v>101.9</v>
      </c>
      <c r="H37" s="450">
        <v>-4.9000000000000004</v>
      </c>
      <c r="I37" s="450">
        <v>95.2</v>
      </c>
      <c r="J37" s="450">
        <v>2</v>
      </c>
      <c r="K37" s="450">
        <v>107.4</v>
      </c>
      <c r="L37" s="450">
        <v>1.6</v>
      </c>
      <c r="M37" s="450">
        <v>102.9</v>
      </c>
      <c r="N37" s="450">
        <v>2.9</v>
      </c>
      <c r="O37" s="450">
        <v>96.7</v>
      </c>
      <c r="P37" s="450">
        <v>0.6</v>
      </c>
      <c r="Q37" s="450">
        <v>102.4</v>
      </c>
      <c r="R37" s="450">
        <v>4</v>
      </c>
      <c r="S37" s="450">
        <v>94</v>
      </c>
      <c r="T37" s="450">
        <v>-1.2</v>
      </c>
      <c r="U37" s="450">
        <v>106.6</v>
      </c>
      <c r="V37" s="450">
        <v>0.8</v>
      </c>
      <c r="W37" s="450">
        <v>94.1</v>
      </c>
      <c r="X37" s="450">
        <v>0.1</v>
      </c>
      <c r="Y37" s="450">
        <v>122.8</v>
      </c>
      <c r="Z37" s="450">
        <v>20.2</v>
      </c>
      <c r="AA37" s="450">
        <v>106.1</v>
      </c>
      <c r="AB37" s="450">
        <v>2.4</v>
      </c>
      <c r="AC37" s="450">
        <v>64.900000000000006</v>
      </c>
      <c r="AD37" s="450">
        <v>-20.8</v>
      </c>
      <c r="AE37" s="450">
        <v>107.2</v>
      </c>
      <c r="AF37" s="450">
        <v>11.8</v>
      </c>
      <c r="AG37" s="465">
        <v>100.2</v>
      </c>
      <c r="AH37" s="465">
        <v>8.6999999999999993</v>
      </c>
      <c r="AI37" s="450">
        <v>92.5</v>
      </c>
      <c r="AJ37" s="450">
        <v>-3.8</v>
      </c>
      <c r="AK37" s="422"/>
    </row>
    <row r="38" spans="1:37" s="454" customFormat="1" ht="15" customHeight="1" x14ac:dyDescent="0.15">
      <c r="A38" s="615"/>
      <c r="B38" s="682"/>
      <c r="C38" s="456" t="s">
        <v>0</v>
      </c>
      <c r="D38" s="455" t="s">
        <v>234</v>
      </c>
      <c r="E38" s="452">
        <v>102.4</v>
      </c>
      <c r="F38" s="453">
        <v>1.7</v>
      </c>
      <c r="G38" s="452">
        <v>105.8</v>
      </c>
      <c r="H38" s="452">
        <v>2.4</v>
      </c>
      <c r="I38" s="452">
        <v>103.1</v>
      </c>
      <c r="J38" s="452">
        <v>1.3</v>
      </c>
      <c r="K38" s="452">
        <v>102.7</v>
      </c>
      <c r="L38" s="452">
        <v>4.8</v>
      </c>
      <c r="M38" s="452">
        <v>106.6</v>
      </c>
      <c r="N38" s="452">
        <v>8.6999999999999993</v>
      </c>
      <c r="O38" s="452">
        <v>100.9</v>
      </c>
      <c r="P38" s="452">
        <v>2</v>
      </c>
      <c r="Q38" s="452">
        <v>101.7</v>
      </c>
      <c r="R38" s="452">
        <v>5.7</v>
      </c>
      <c r="S38" s="452">
        <v>97.3</v>
      </c>
      <c r="T38" s="452">
        <v>1.5</v>
      </c>
      <c r="U38" s="452">
        <v>108.2</v>
      </c>
      <c r="V38" s="452">
        <v>2.8</v>
      </c>
      <c r="W38" s="452">
        <v>99.5</v>
      </c>
      <c r="X38" s="452">
        <v>-2.5</v>
      </c>
      <c r="Y38" s="452">
        <v>117.3</v>
      </c>
      <c r="Z38" s="452">
        <v>13.9</v>
      </c>
      <c r="AA38" s="452">
        <v>106.1</v>
      </c>
      <c r="AB38" s="452">
        <v>3.7</v>
      </c>
      <c r="AC38" s="452">
        <v>98.4</v>
      </c>
      <c r="AD38" s="452">
        <v>-10.4</v>
      </c>
      <c r="AE38" s="452">
        <v>105.8</v>
      </c>
      <c r="AF38" s="452">
        <v>5.7</v>
      </c>
      <c r="AG38" s="466">
        <v>98.3</v>
      </c>
      <c r="AH38" s="466">
        <v>5.5</v>
      </c>
      <c r="AI38" s="452">
        <v>97.4</v>
      </c>
      <c r="AJ38" s="452">
        <v>-2.5</v>
      </c>
      <c r="AK38" s="196"/>
    </row>
    <row r="39" spans="1:37" s="424" customFormat="1" ht="15" customHeight="1" x14ac:dyDescent="0.15">
      <c r="A39" s="615"/>
      <c r="B39" s="682"/>
      <c r="C39" s="456" t="s">
        <v>0</v>
      </c>
      <c r="D39" s="455" t="s">
        <v>235</v>
      </c>
      <c r="E39" s="450">
        <v>102.3</v>
      </c>
      <c r="F39" s="451">
        <v>-0.3</v>
      </c>
      <c r="G39" s="450">
        <v>110.7</v>
      </c>
      <c r="H39" s="450">
        <v>-4</v>
      </c>
      <c r="I39" s="450">
        <v>104</v>
      </c>
      <c r="J39" s="450">
        <v>0.6</v>
      </c>
      <c r="K39" s="450">
        <v>104.2</v>
      </c>
      <c r="L39" s="450">
        <v>3.1</v>
      </c>
      <c r="M39" s="450">
        <v>106</v>
      </c>
      <c r="N39" s="450">
        <v>2</v>
      </c>
      <c r="O39" s="450">
        <v>99.6</v>
      </c>
      <c r="P39" s="450">
        <v>0.3</v>
      </c>
      <c r="Q39" s="450">
        <v>103.9</v>
      </c>
      <c r="R39" s="450">
        <v>3.2</v>
      </c>
      <c r="S39" s="450">
        <v>98.3</v>
      </c>
      <c r="T39" s="450">
        <v>-3.4</v>
      </c>
      <c r="U39" s="450">
        <v>105.2</v>
      </c>
      <c r="V39" s="450">
        <v>3.1</v>
      </c>
      <c r="W39" s="450">
        <v>101.7</v>
      </c>
      <c r="X39" s="450">
        <v>-4.2</v>
      </c>
      <c r="Y39" s="450">
        <v>111.3</v>
      </c>
      <c r="Z39" s="450">
        <v>2.8</v>
      </c>
      <c r="AA39" s="450">
        <v>103.4</v>
      </c>
      <c r="AB39" s="450">
        <v>-0.9</v>
      </c>
      <c r="AC39" s="450">
        <v>95.4</v>
      </c>
      <c r="AD39" s="450">
        <v>-20.8</v>
      </c>
      <c r="AE39" s="450">
        <v>106.8</v>
      </c>
      <c r="AF39" s="450">
        <v>15</v>
      </c>
      <c r="AG39" s="465">
        <v>96.8</v>
      </c>
      <c r="AH39" s="465">
        <v>-4.4000000000000004</v>
      </c>
      <c r="AI39" s="450">
        <v>95.1</v>
      </c>
      <c r="AJ39" s="450">
        <v>-6.9</v>
      </c>
      <c r="AK39" s="422"/>
    </row>
    <row r="40" spans="1:37" s="454" customFormat="1" ht="15" customHeight="1" x14ac:dyDescent="0.15">
      <c r="A40" s="615"/>
      <c r="B40" s="23">
        <v>30</v>
      </c>
      <c r="C40" s="456" t="s">
        <v>0</v>
      </c>
      <c r="D40" s="455" t="s">
        <v>236</v>
      </c>
      <c r="E40" s="452">
        <v>104.1</v>
      </c>
      <c r="F40" s="453">
        <v>0.6</v>
      </c>
      <c r="G40" s="452">
        <v>114</v>
      </c>
      <c r="H40" s="452">
        <v>-2.6</v>
      </c>
      <c r="I40" s="452">
        <v>106.4</v>
      </c>
      <c r="J40" s="452">
        <v>-0.3</v>
      </c>
      <c r="K40" s="452">
        <v>101.4</v>
      </c>
      <c r="L40" s="452">
        <v>2.2000000000000002</v>
      </c>
      <c r="M40" s="452">
        <v>106.6</v>
      </c>
      <c r="N40" s="452">
        <v>0.1</v>
      </c>
      <c r="O40" s="452">
        <v>103.2</v>
      </c>
      <c r="P40" s="452">
        <v>2.6</v>
      </c>
      <c r="Q40" s="452">
        <v>105</v>
      </c>
      <c r="R40" s="452">
        <v>6.1</v>
      </c>
      <c r="S40" s="452">
        <v>98.1</v>
      </c>
      <c r="T40" s="452">
        <v>-2.7</v>
      </c>
      <c r="U40" s="452">
        <v>109.8</v>
      </c>
      <c r="V40" s="452">
        <v>2.2999999999999998</v>
      </c>
      <c r="W40" s="452">
        <v>102.7</v>
      </c>
      <c r="X40" s="452">
        <v>-3.5</v>
      </c>
      <c r="Y40" s="452">
        <v>109.4</v>
      </c>
      <c r="Z40" s="452">
        <v>0</v>
      </c>
      <c r="AA40" s="452">
        <v>108.7</v>
      </c>
      <c r="AB40" s="452">
        <v>0.2</v>
      </c>
      <c r="AC40" s="452">
        <v>100.3</v>
      </c>
      <c r="AD40" s="452">
        <v>-11.4</v>
      </c>
      <c r="AE40" s="452">
        <v>107</v>
      </c>
      <c r="AF40" s="452">
        <v>11.6</v>
      </c>
      <c r="AG40" s="466">
        <v>98.8</v>
      </c>
      <c r="AH40" s="466">
        <v>1.3</v>
      </c>
      <c r="AI40" s="452">
        <v>96.7</v>
      </c>
      <c r="AJ40" s="452">
        <v>-5.3</v>
      </c>
      <c r="AK40" s="196"/>
    </row>
    <row r="41" spans="1:37" s="424" customFormat="1" ht="15" customHeight="1" x14ac:dyDescent="0.15">
      <c r="A41" s="615"/>
      <c r="B41" s="683" t="s">
        <v>208</v>
      </c>
      <c r="C41" s="456" t="s">
        <v>0</v>
      </c>
      <c r="D41" s="455" t="s">
        <v>237</v>
      </c>
      <c r="E41" s="450">
        <v>103.1</v>
      </c>
      <c r="F41" s="451">
        <v>0.9</v>
      </c>
      <c r="G41" s="450">
        <v>112.6</v>
      </c>
      <c r="H41" s="450">
        <v>2.5</v>
      </c>
      <c r="I41" s="450">
        <v>105.6</v>
      </c>
      <c r="J41" s="450">
        <v>1.1000000000000001</v>
      </c>
      <c r="K41" s="450">
        <v>100.3</v>
      </c>
      <c r="L41" s="450">
        <v>4.4000000000000004</v>
      </c>
      <c r="M41" s="450">
        <v>105.5</v>
      </c>
      <c r="N41" s="450">
        <v>0.5</v>
      </c>
      <c r="O41" s="450">
        <v>104.7</v>
      </c>
      <c r="P41" s="450">
        <v>-1.5</v>
      </c>
      <c r="Q41" s="450">
        <v>103.5</v>
      </c>
      <c r="R41" s="450">
        <v>5.2</v>
      </c>
      <c r="S41" s="450">
        <v>101.4</v>
      </c>
      <c r="T41" s="450">
        <v>-3.2</v>
      </c>
      <c r="U41" s="450">
        <v>109.7</v>
      </c>
      <c r="V41" s="450">
        <v>3.3</v>
      </c>
      <c r="W41" s="450">
        <v>97.4</v>
      </c>
      <c r="X41" s="450">
        <v>-3.8</v>
      </c>
      <c r="Y41" s="450">
        <v>124.9</v>
      </c>
      <c r="Z41" s="450">
        <v>10</v>
      </c>
      <c r="AA41" s="450">
        <v>104.7</v>
      </c>
      <c r="AB41" s="450">
        <v>-0.7</v>
      </c>
      <c r="AC41" s="450">
        <v>90.3</v>
      </c>
      <c r="AD41" s="450">
        <v>-12.8</v>
      </c>
      <c r="AE41" s="450">
        <v>105.2</v>
      </c>
      <c r="AF41" s="450">
        <v>11.9</v>
      </c>
      <c r="AG41" s="465">
        <v>108.6</v>
      </c>
      <c r="AH41" s="465">
        <v>-3.1</v>
      </c>
      <c r="AI41" s="450">
        <v>97.2</v>
      </c>
      <c r="AJ41" s="450">
        <v>-5.6</v>
      </c>
      <c r="AK41" s="422"/>
    </row>
    <row r="42" spans="1:37" s="454" customFormat="1" ht="15" customHeight="1" x14ac:dyDescent="0.15">
      <c r="A42" s="615"/>
      <c r="B42" s="683"/>
      <c r="C42" s="456" t="s">
        <v>238</v>
      </c>
      <c r="D42" s="455" t="s">
        <v>239</v>
      </c>
      <c r="E42" s="452">
        <v>97.6</v>
      </c>
      <c r="F42" s="453">
        <v>0.6</v>
      </c>
      <c r="G42" s="452">
        <v>100.9</v>
      </c>
      <c r="H42" s="452">
        <v>6.4</v>
      </c>
      <c r="I42" s="452">
        <v>96.6</v>
      </c>
      <c r="J42" s="452">
        <v>1</v>
      </c>
      <c r="K42" s="452">
        <v>95.8</v>
      </c>
      <c r="L42" s="452">
        <v>1.3</v>
      </c>
      <c r="M42" s="452">
        <v>103.4</v>
      </c>
      <c r="N42" s="452">
        <v>1.1000000000000001</v>
      </c>
      <c r="O42" s="452">
        <v>98.8</v>
      </c>
      <c r="P42" s="452">
        <v>2.5</v>
      </c>
      <c r="Q42" s="452">
        <v>101.7</v>
      </c>
      <c r="R42" s="452">
        <v>3.6</v>
      </c>
      <c r="S42" s="452">
        <v>89.6</v>
      </c>
      <c r="T42" s="452">
        <v>-5.0999999999999996</v>
      </c>
      <c r="U42" s="452">
        <v>98.4</v>
      </c>
      <c r="V42" s="452">
        <v>-4</v>
      </c>
      <c r="W42" s="452">
        <v>92</v>
      </c>
      <c r="X42" s="452">
        <v>-2.2000000000000002</v>
      </c>
      <c r="Y42" s="452">
        <v>130.4</v>
      </c>
      <c r="Z42" s="452">
        <v>8.1999999999999993</v>
      </c>
      <c r="AA42" s="452">
        <v>96.6</v>
      </c>
      <c r="AB42" s="452">
        <v>-5.9</v>
      </c>
      <c r="AC42" s="452">
        <v>83.5</v>
      </c>
      <c r="AD42" s="452">
        <v>-4.5</v>
      </c>
      <c r="AE42" s="452">
        <v>100.2</v>
      </c>
      <c r="AF42" s="452">
        <v>-2.6</v>
      </c>
      <c r="AG42" s="466">
        <v>97.8</v>
      </c>
      <c r="AH42" s="466">
        <v>-0.1</v>
      </c>
      <c r="AI42" s="452">
        <v>90.7</v>
      </c>
      <c r="AJ42" s="452">
        <v>0.9</v>
      </c>
      <c r="AK42" s="196"/>
    </row>
    <row r="43" spans="1:37" s="424" customFormat="1" ht="15" customHeight="1" x14ac:dyDescent="0.15">
      <c r="A43" s="615"/>
      <c r="B43" s="683"/>
      <c r="C43" s="456" t="s">
        <v>0</v>
      </c>
      <c r="D43" s="455" t="s">
        <v>240</v>
      </c>
      <c r="E43" s="450">
        <v>100.1</v>
      </c>
      <c r="F43" s="451">
        <v>2.6</v>
      </c>
      <c r="G43" s="450">
        <v>108.1</v>
      </c>
      <c r="H43" s="450">
        <v>-1.2</v>
      </c>
      <c r="I43" s="450">
        <v>104.2</v>
      </c>
      <c r="J43" s="450">
        <v>3.5</v>
      </c>
      <c r="K43" s="450">
        <v>95.6</v>
      </c>
      <c r="L43" s="450">
        <v>5.2</v>
      </c>
      <c r="M43" s="450">
        <v>102.7</v>
      </c>
      <c r="N43" s="450">
        <v>3.8</v>
      </c>
      <c r="O43" s="450">
        <v>98.1</v>
      </c>
      <c r="P43" s="450">
        <v>4.4000000000000004</v>
      </c>
      <c r="Q43" s="450">
        <v>104.1</v>
      </c>
      <c r="R43" s="450">
        <v>5.5</v>
      </c>
      <c r="S43" s="450">
        <v>88</v>
      </c>
      <c r="T43" s="450">
        <v>1.4</v>
      </c>
      <c r="U43" s="450">
        <v>101.5</v>
      </c>
      <c r="V43" s="450">
        <v>2.5</v>
      </c>
      <c r="W43" s="450">
        <v>96.6</v>
      </c>
      <c r="X43" s="450">
        <v>0.8</v>
      </c>
      <c r="Y43" s="450">
        <v>114</v>
      </c>
      <c r="Z43" s="450">
        <v>2.2999999999999998</v>
      </c>
      <c r="AA43" s="450">
        <v>87.8</v>
      </c>
      <c r="AB43" s="450">
        <v>-9.5</v>
      </c>
      <c r="AC43" s="450">
        <v>91.7</v>
      </c>
      <c r="AD43" s="450">
        <v>4.5999999999999996</v>
      </c>
      <c r="AE43" s="450">
        <v>101.6</v>
      </c>
      <c r="AF43" s="450">
        <v>0.3</v>
      </c>
      <c r="AG43" s="465">
        <v>97.4</v>
      </c>
      <c r="AH43" s="465">
        <v>11.3</v>
      </c>
      <c r="AI43" s="450">
        <v>93.4</v>
      </c>
      <c r="AJ43" s="450">
        <v>0.1</v>
      </c>
      <c r="AK43" s="422"/>
    </row>
    <row r="44" spans="1:37" s="454" customFormat="1" ht="15" customHeight="1" x14ac:dyDescent="0.15">
      <c r="A44" s="615"/>
      <c r="B44" s="479"/>
      <c r="C44" s="456" t="s">
        <v>0</v>
      </c>
      <c r="D44" s="455" t="s">
        <v>241</v>
      </c>
      <c r="E44" s="452">
        <v>103.6</v>
      </c>
      <c r="F44" s="453">
        <v>1.2</v>
      </c>
      <c r="G44" s="452">
        <v>109.9</v>
      </c>
      <c r="H44" s="452">
        <v>-0.4</v>
      </c>
      <c r="I44" s="452">
        <v>107.4</v>
      </c>
      <c r="J44" s="452">
        <v>1.2</v>
      </c>
      <c r="K44" s="452">
        <v>104.9</v>
      </c>
      <c r="L44" s="452">
        <v>-7.9</v>
      </c>
      <c r="M44" s="452">
        <v>108.9</v>
      </c>
      <c r="N44" s="452">
        <v>1.5</v>
      </c>
      <c r="O44" s="452">
        <v>100.8</v>
      </c>
      <c r="P44" s="452">
        <v>1.1000000000000001</v>
      </c>
      <c r="Q44" s="452">
        <v>101.9</v>
      </c>
      <c r="R44" s="452">
        <v>4.8</v>
      </c>
      <c r="S44" s="452">
        <v>99.1</v>
      </c>
      <c r="T44" s="452">
        <v>-0.5</v>
      </c>
      <c r="U44" s="452">
        <v>107.1</v>
      </c>
      <c r="V44" s="452">
        <v>6.7</v>
      </c>
      <c r="W44" s="452">
        <v>105.7</v>
      </c>
      <c r="X44" s="452">
        <v>1.8</v>
      </c>
      <c r="Y44" s="452">
        <v>122.2</v>
      </c>
      <c r="Z44" s="452">
        <v>4.9000000000000004</v>
      </c>
      <c r="AA44" s="452">
        <v>97.5</v>
      </c>
      <c r="AB44" s="452">
        <v>-2.7</v>
      </c>
      <c r="AC44" s="452">
        <v>97.2</v>
      </c>
      <c r="AD44" s="452">
        <v>3.8</v>
      </c>
      <c r="AE44" s="452">
        <v>104.2</v>
      </c>
      <c r="AF44" s="452">
        <v>-0.4</v>
      </c>
      <c r="AG44" s="466">
        <v>105.5</v>
      </c>
      <c r="AH44" s="466">
        <v>4.5</v>
      </c>
      <c r="AI44" s="452">
        <v>97.5</v>
      </c>
      <c r="AJ44" s="452">
        <v>-3.7</v>
      </c>
      <c r="AK44" s="196"/>
    </row>
    <row r="45" spans="1:37" s="424" customFormat="1" ht="15" customHeight="1" x14ac:dyDescent="0.15">
      <c r="A45" s="615"/>
      <c r="B45" s="472"/>
      <c r="C45" s="456" t="s">
        <v>0</v>
      </c>
      <c r="D45" s="455" t="s">
        <v>242</v>
      </c>
      <c r="E45" s="450">
        <v>105.6</v>
      </c>
      <c r="F45" s="451">
        <v>-0.7</v>
      </c>
      <c r="G45" s="450">
        <v>115.5</v>
      </c>
      <c r="H45" s="450">
        <v>1.5</v>
      </c>
      <c r="I45" s="450">
        <v>107.1</v>
      </c>
      <c r="J45" s="450">
        <v>-0.5</v>
      </c>
      <c r="K45" s="450">
        <v>102.8</v>
      </c>
      <c r="L45" s="450">
        <v>-1.1000000000000001</v>
      </c>
      <c r="M45" s="450">
        <v>110.4</v>
      </c>
      <c r="N45" s="450">
        <v>-1.1000000000000001</v>
      </c>
      <c r="O45" s="450">
        <v>105.1</v>
      </c>
      <c r="P45" s="450">
        <v>-0.5</v>
      </c>
      <c r="Q45" s="450">
        <v>108.5</v>
      </c>
      <c r="R45" s="450">
        <v>2.6</v>
      </c>
      <c r="S45" s="450">
        <v>90.9</v>
      </c>
      <c r="T45" s="450">
        <v>-8.6999999999999993</v>
      </c>
      <c r="U45" s="450">
        <v>111.2</v>
      </c>
      <c r="V45" s="450">
        <v>-2.1</v>
      </c>
      <c r="W45" s="450">
        <v>103.6</v>
      </c>
      <c r="X45" s="450">
        <v>-0.7</v>
      </c>
      <c r="Y45" s="450">
        <v>130.69999999999999</v>
      </c>
      <c r="Z45" s="450">
        <v>5.5</v>
      </c>
      <c r="AA45" s="450">
        <v>114.1</v>
      </c>
      <c r="AB45" s="450">
        <v>10.1</v>
      </c>
      <c r="AC45" s="450">
        <v>97.9</v>
      </c>
      <c r="AD45" s="450">
        <v>-1</v>
      </c>
      <c r="AE45" s="450">
        <v>105.9</v>
      </c>
      <c r="AF45" s="450">
        <v>-4.2</v>
      </c>
      <c r="AG45" s="465">
        <v>96.4</v>
      </c>
      <c r="AH45" s="465">
        <v>-4.7</v>
      </c>
      <c r="AI45" s="450">
        <v>96.2</v>
      </c>
      <c r="AJ45" s="450">
        <v>-2.4</v>
      </c>
      <c r="AK45" s="422"/>
    </row>
    <row r="46" spans="1:37" s="454" customFormat="1" ht="15" customHeight="1" x14ac:dyDescent="0.15">
      <c r="A46" s="615"/>
      <c r="B46" s="479"/>
      <c r="C46" s="456" t="s">
        <v>0</v>
      </c>
      <c r="D46" s="455" t="s">
        <v>243</v>
      </c>
      <c r="E46" s="452">
        <v>100.7</v>
      </c>
      <c r="F46" s="453">
        <v>5</v>
      </c>
      <c r="G46" s="452">
        <v>104.9</v>
      </c>
      <c r="H46" s="452">
        <v>3.2</v>
      </c>
      <c r="I46" s="452">
        <v>99.5</v>
      </c>
      <c r="J46" s="452">
        <v>5.3</v>
      </c>
      <c r="K46" s="452">
        <v>101.3</v>
      </c>
      <c r="L46" s="452">
        <v>1.8</v>
      </c>
      <c r="M46" s="452">
        <v>104</v>
      </c>
      <c r="N46" s="452">
        <v>2</v>
      </c>
      <c r="O46" s="452">
        <v>100.2</v>
      </c>
      <c r="P46" s="452">
        <v>4</v>
      </c>
      <c r="Q46" s="452">
        <v>105.1</v>
      </c>
      <c r="R46" s="452">
        <v>4.4000000000000004</v>
      </c>
      <c r="S46" s="452">
        <v>93</v>
      </c>
      <c r="T46" s="452">
        <v>-2.2999999999999998</v>
      </c>
      <c r="U46" s="452">
        <v>99.8</v>
      </c>
      <c r="V46" s="452">
        <v>-5.2</v>
      </c>
      <c r="W46" s="452">
        <v>96.7</v>
      </c>
      <c r="X46" s="452">
        <v>3.2</v>
      </c>
      <c r="Y46" s="452">
        <v>123.9</v>
      </c>
      <c r="Z46" s="452">
        <v>-0.7</v>
      </c>
      <c r="AA46" s="452">
        <v>110.8</v>
      </c>
      <c r="AB46" s="452">
        <v>5.0999999999999996</v>
      </c>
      <c r="AC46" s="452">
        <v>96.5</v>
      </c>
      <c r="AD46" s="452">
        <v>6.2</v>
      </c>
      <c r="AE46" s="452">
        <v>102.7</v>
      </c>
      <c r="AF46" s="452">
        <v>11.8</v>
      </c>
      <c r="AG46" s="466">
        <v>98.2</v>
      </c>
      <c r="AH46" s="466">
        <v>0.5</v>
      </c>
      <c r="AI46" s="452">
        <v>92.2</v>
      </c>
      <c r="AJ46" s="452">
        <v>4.2</v>
      </c>
      <c r="AK46" s="196"/>
    </row>
    <row r="47" spans="1:37" s="424" customFormat="1" ht="14.25" customHeight="1" x14ac:dyDescent="0.15">
      <c r="A47" s="615"/>
      <c r="B47" s="472"/>
      <c r="C47" s="448"/>
      <c r="D47" s="455"/>
      <c r="E47" s="452"/>
      <c r="F47" s="453"/>
      <c r="G47" s="452"/>
      <c r="H47" s="452"/>
      <c r="I47" s="452"/>
      <c r="J47" s="452"/>
      <c r="K47" s="452"/>
      <c r="L47" s="452"/>
      <c r="M47" s="452"/>
      <c r="N47" s="452"/>
      <c r="O47" s="452"/>
      <c r="P47" s="452"/>
      <c r="Q47" s="452"/>
      <c r="R47" s="452"/>
      <c r="S47" s="452"/>
      <c r="T47" s="452"/>
      <c r="U47" s="493"/>
      <c r="V47" s="452"/>
      <c r="W47" s="493"/>
      <c r="X47" s="452"/>
      <c r="Y47" s="493"/>
      <c r="Z47" s="452"/>
      <c r="AA47" s="493"/>
      <c r="AB47" s="452"/>
      <c r="AC47" s="452"/>
      <c r="AD47" s="452"/>
      <c r="AE47" s="452"/>
      <c r="AF47" s="452"/>
      <c r="AG47" s="466"/>
      <c r="AH47" s="466"/>
      <c r="AI47" s="493"/>
      <c r="AJ47" s="452"/>
      <c r="AK47" s="422"/>
    </row>
    <row r="48" spans="1:37" s="424" customFormat="1" ht="14.25" customHeight="1" x14ac:dyDescent="0.15">
      <c r="A48" s="615"/>
      <c r="B48" s="472"/>
      <c r="C48" s="448" t="s">
        <v>238</v>
      </c>
      <c r="D48" s="455" t="s">
        <v>231</v>
      </c>
      <c r="E48" s="450">
        <v>106.1</v>
      </c>
      <c r="F48" s="451">
        <v>-0.4</v>
      </c>
      <c r="G48" s="450">
        <v>108.8</v>
      </c>
      <c r="H48" s="450">
        <v>7.8</v>
      </c>
      <c r="I48" s="450">
        <v>108.9</v>
      </c>
      <c r="J48" s="450">
        <v>0.9</v>
      </c>
      <c r="K48" s="450">
        <v>109.3</v>
      </c>
      <c r="L48" s="450">
        <v>-2.1</v>
      </c>
      <c r="M48" s="450">
        <v>107.3</v>
      </c>
      <c r="N48" s="450">
        <v>-2.5</v>
      </c>
      <c r="O48" s="450">
        <v>105.3</v>
      </c>
      <c r="P48" s="450">
        <v>2.6</v>
      </c>
      <c r="Q48" s="450">
        <v>107.6</v>
      </c>
      <c r="R48" s="450">
        <v>2.4</v>
      </c>
      <c r="S48" s="450">
        <v>102.1</v>
      </c>
      <c r="T48" s="450">
        <v>-1.3</v>
      </c>
      <c r="U48" s="450">
        <v>111.8</v>
      </c>
      <c r="V48" s="450">
        <v>5.3</v>
      </c>
      <c r="W48" s="450">
        <v>107.6</v>
      </c>
      <c r="X48" s="450">
        <v>1.4</v>
      </c>
      <c r="Y48" s="450">
        <v>126.7</v>
      </c>
      <c r="Z48" s="450">
        <v>2.4</v>
      </c>
      <c r="AA48" s="450">
        <v>111</v>
      </c>
      <c r="AB48" s="450">
        <v>6.4</v>
      </c>
      <c r="AC48" s="450">
        <v>98.5</v>
      </c>
      <c r="AD48" s="450">
        <v>-3.3</v>
      </c>
      <c r="AE48" s="450">
        <v>107.3</v>
      </c>
      <c r="AF48" s="450">
        <v>-7.4</v>
      </c>
      <c r="AG48" s="450">
        <v>106.4</v>
      </c>
      <c r="AH48" s="465">
        <v>2.9</v>
      </c>
      <c r="AI48" s="450">
        <v>98.8</v>
      </c>
      <c r="AJ48" s="450">
        <v>0.8</v>
      </c>
      <c r="AK48" s="422"/>
    </row>
    <row r="49" spans="1:36" ht="11.25" customHeight="1" thickBot="1" x14ac:dyDescent="0.2">
      <c r="A49" s="615"/>
      <c r="B49" s="485"/>
      <c r="C49" s="468"/>
      <c r="D49" s="469"/>
      <c r="E49" s="494"/>
      <c r="F49" s="495"/>
      <c r="G49" s="494"/>
      <c r="H49" s="494"/>
      <c r="I49" s="494"/>
      <c r="J49" s="494"/>
      <c r="K49" s="494"/>
      <c r="L49" s="494"/>
      <c r="M49" s="494"/>
      <c r="N49" s="494"/>
      <c r="O49" s="494"/>
      <c r="P49" s="494"/>
      <c r="Q49" s="494"/>
      <c r="R49" s="494"/>
      <c r="S49" s="494"/>
      <c r="T49" s="494"/>
      <c r="U49" s="494"/>
      <c r="V49" s="494"/>
      <c r="W49" s="494"/>
      <c r="X49" s="494"/>
      <c r="Y49" s="494"/>
      <c r="Z49" s="494"/>
      <c r="AA49" s="494"/>
      <c r="AB49" s="494"/>
      <c r="AC49" s="494"/>
      <c r="AD49" s="494"/>
      <c r="AE49" s="494"/>
      <c r="AF49" s="494"/>
      <c r="AG49" s="494"/>
      <c r="AH49" s="494"/>
      <c r="AI49" s="494"/>
      <c r="AJ49" s="494"/>
    </row>
    <row r="50" spans="1:36" ht="14.1" customHeight="1" x14ac:dyDescent="0.15">
      <c r="A50" s="615"/>
      <c r="C50" s="684" t="s">
        <v>209</v>
      </c>
      <c r="D50" s="685"/>
      <c r="E50" s="685"/>
      <c r="F50" s="685"/>
      <c r="G50" s="685"/>
      <c r="H50" s="685"/>
      <c r="I50" s="685"/>
      <c r="J50" s="685"/>
      <c r="K50" s="685"/>
      <c r="L50" s="685"/>
      <c r="M50" s="686"/>
      <c r="N50" s="686"/>
      <c r="O50" s="686"/>
      <c r="P50" s="686"/>
      <c r="Q50" s="686"/>
      <c r="R50" s="686"/>
      <c r="S50" s="686"/>
      <c r="T50" s="686"/>
      <c r="U50" s="686"/>
      <c r="V50" s="686"/>
      <c r="W50" s="686"/>
      <c r="X50" s="686"/>
      <c r="Y50" s="686"/>
      <c r="Z50" s="686"/>
      <c r="AA50" s="686"/>
      <c r="AB50" s="686"/>
      <c r="AC50" s="686"/>
      <c r="AD50" s="686"/>
      <c r="AE50" s="686"/>
      <c r="AF50" s="686"/>
    </row>
    <row r="51" spans="1:36" x14ac:dyDescent="0.15">
      <c r="AG51" s="93"/>
    </row>
  </sheetData>
  <protectedRanges>
    <protectedRange sqref="U26:AB26" name="範囲1_1_1"/>
    <protectedRange sqref="AI26:AJ26" name="範囲1_1_2"/>
    <protectedRange sqref="U47:AB47" name="範囲1_1_3"/>
    <protectedRange sqref="AI47:AJ47" name="範囲1_1_4"/>
  </protectedRanges>
  <mergeCells count="54">
    <mergeCell ref="AI5:AJ5"/>
    <mergeCell ref="E6:F6"/>
    <mergeCell ref="G6:H6"/>
    <mergeCell ref="I6:J6"/>
    <mergeCell ref="K6:L6"/>
    <mergeCell ref="M6:N6"/>
    <mergeCell ref="O6:P6"/>
    <mergeCell ref="AG6:AH6"/>
    <mergeCell ref="AI6:AJ6"/>
    <mergeCell ref="U6:V6"/>
    <mergeCell ref="W6:X6"/>
    <mergeCell ref="Y6:Z6"/>
    <mergeCell ref="AA6:AB6"/>
    <mergeCell ref="AG4:AH4"/>
    <mergeCell ref="Q6:R6"/>
    <mergeCell ref="S6:T6"/>
    <mergeCell ref="U5:V5"/>
    <mergeCell ref="W5:X5"/>
    <mergeCell ref="Y5:Z5"/>
    <mergeCell ref="AA5:AB5"/>
    <mergeCell ref="AC6:AD6"/>
    <mergeCell ref="AE6:AF6"/>
    <mergeCell ref="AG5:AH5"/>
    <mergeCell ref="AC5:AD5"/>
    <mergeCell ref="AE5:AF5"/>
    <mergeCell ref="AA4:AB4"/>
    <mergeCell ref="AC4:AD4"/>
    <mergeCell ref="AE4:AF4"/>
    <mergeCell ref="AF1:AJ1"/>
    <mergeCell ref="H2:L2"/>
    <mergeCell ref="P2:T2"/>
    <mergeCell ref="C3:D7"/>
    <mergeCell ref="E4:F4"/>
    <mergeCell ref="G4:H4"/>
    <mergeCell ref="I4:J4"/>
    <mergeCell ref="AI4:AJ4"/>
    <mergeCell ref="K5:L5"/>
    <mergeCell ref="M5:N5"/>
    <mergeCell ref="O5:P5"/>
    <mergeCell ref="Q5:R5"/>
    <mergeCell ref="S5:T5"/>
    <mergeCell ref="O4:P4"/>
    <mergeCell ref="Q4:R4"/>
    <mergeCell ref="S4:T4"/>
    <mergeCell ref="K4:L4"/>
    <mergeCell ref="M4:N4"/>
    <mergeCell ref="W4:X4"/>
    <mergeCell ref="Y4:Z4"/>
    <mergeCell ref="A1:A50"/>
    <mergeCell ref="U4:V4"/>
    <mergeCell ref="B8:B28"/>
    <mergeCell ref="B35:B39"/>
    <mergeCell ref="B41:B43"/>
    <mergeCell ref="C50:AF50"/>
  </mergeCells>
  <phoneticPr fontId="3"/>
  <printOptions horizontalCentered="1"/>
  <pageMargins left="0.59055118110236227" right="0.59055118110236227" top="0.39370078740157483" bottom="0.59055118110236227" header="0" footer="0.19685039370078741"/>
  <pageSetup paperSize="9" scale="78" orientation="landscape" errors="blank" r:id="rId1"/>
  <headerFooter alignWithMargins="0"/>
</worksheet>
</file>

<file path=xl/worksheets/sheet1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1">
    <tabColor indexed="52"/>
  </sheetPr>
  <dimension ref="A1:AK50"/>
  <sheetViews>
    <sheetView view="pageBreakPreview" topLeftCell="B1" zoomScaleNormal="100" zoomScaleSheetLayoutView="100" workbookViewId="0">
      <selection sqref="A1:A50"/>
    </sheetView>
  </sheetViews>
  <sheetFormatPr defaultRowHeight="13.5" x14ac:dyDescent="0.15"/>
  <cols>
    <col min="1" max="1" width="4.375" style="321" customWidth="1"/>
    <col min="2" max="2" width="2.5" style="395" customWidth="1"/>
    <col min="3" max="3" width="6.625" style="395" customWidth="1"/>
    <col min="4" max="4" width="3.875" style="395" customWidth="1"/>
    <col min="5" max="32" width="4.875" style="395" customWidth="1"/>
    <col min="33" max="33" width="5.125" style="399" bestFit="1" customWidth="1"/>
    <col min="34" max="34" width="5.125" style="395" bestFit="1" customWidth="1"/>
    <col min="35" max="36" width="4.875" style="395" customWidth="1"/>
    <col min="37" max="37" width="9" style="395"/>
  </cols>
  <sheetData>
    <row r="1" spans="1:37" ht="18.75" customHeight="1" x14ac:dyDescent="0.15">
      <c r="A1" s="615" t="s">
        <v>220</v>
      </c>
      <c r="B1" s="212" t="s">
        <v>221</v>
      </c>
      <c r="D1" s="417"/>
      <c r="E1" s="417"/>
      <c r="F1" s="417"/>
      <c r="G1" s="417"/>
      <c r="H1" s="417"/>
      <c r="I1" s="417"/>
      <c r="J1" s="417"/>
      <c r="K1" s="417"/>
      <c r="L1" s="417"/>
      <c r="M1" s="417"/>
      <c r="N1" s="417"/>
      <c r="O1" s="417"/>
      <c r="P1" s="417"/>
      <c r="Q1" s="417"/>
      <c r="R1" s="417"/>
      <c r="S1" s="417"/>
      <c r="T1" s="417"/>
      <c r="U1" s="417"/>
      <c r="V1" s="417"/>
      <c r="W1" s="417"/>
      <c r="X1" s="417"/>
      <c r="Y1" s="417"/>
      <c r="Z1" s="417"/>
      <c r="AA1" s="417"/>
      <c r="AB1" s="417"/>
      <c r="AC1" s="417"/>
      <c r="AD1" s="417"/>
      <c r="AE1" s="417"/>
      <c r="AF1" s="618" t="s">
        <v>212</v>
      </c>
      <c r="AG1" s="618"/>
      <c r="AH1" s="618"/>
      <c r="AI1" s="618"/>
      <c r="AJ1" s="618"/>
    </row>
    <row r="2" spans="1:37" s="424" customFormat="1" ht="3.75" customHeight="1" thickBot="1" x14ac:dyDescent="0.2">
      <c r="A2" s="615"/>
      <c r="B2" s="211"/>
      <c r="C2" s="420"/>
      <c r="D2" s="420"/>
      <c r="E2" s="420"/>
      <c r="F2" s="420"/>
      <c r="G2" s="421"/>
      <c r="H2" s="659"/>
      <c r="I2" s="659"/>
      <c r="J2" s="659"/>
      <c r="K2" s="659"/>
      <c r="L2" s="659"/>
      <c r="M2" s="420"/>
      <c r="N2" s="420"/>
      <c r="O2" s="420"/>
      <c r="P2" s="659"/>
      <c r="Q2" s="659"/>
      <c r="R2" s="659"/>
      <c r="S2" s="659"/>
      <c r="T2" s="659"/>
      <c r="U2" s="420"/>
      <c r="V2" s="420"/>
      <c r="W2" s="420"/>
      <c r="X2" s="420"/>
      <c r="Y2" s="420"/>
      <c r="Z2" s="420"/>
      <c r="AA2" s="420"/>
      <c r="AB2" s="422"/>
      <c r="AC2" s="422"/>
      <c r="AD2" s="422"/>
      <c r="AE2" s="422"/>
      <c r="AF2" s="423"/>
      <c r="AG2" s="423"/>
      <c r="AH2" s="423"/>
      <c r="AI2" s="423"/>
      <c r="AJ2" s="423"/>
      <c r="AK2" s="422"/>
    </row>
    <row r="3" spans="1:37" s="424" customFormat="1" ht="6" customHeight="1" x14ac:dyDescent="0.15">
      <c r="A3" s="615"/>
      <c r="B3" s="425"/>
      <c r="C3" s="660"/>
      <c r="D3" s="661"/>
      <c r="E3" s="426"/>
      <c r="F3" s="427"/>
      <c r="G3" s="428"/>
      <c r="H3" s="429"/>
      <c r="I3" s="426"/>
      <c r="J3" s="429"/>
      <c r="K3" s="426"/>
      <c r="L3" s="429"/>
      <c r="M3" s="426"/>
      <c r="N3" s="429"/>
      <c r="O3" s="426"/>
      <c r="P3" s="429"/>
      <c r="Q3" s="426"/>
      <c r="R3" s="429"/>
      <c r="S3" s="426"/>
      <c r="T3" s="428"/>
      <c r="U3" s="426"/>
      <c r="V3" s="429"/>
      <c r="W3" s="426"/>
      <c r="X3" s="429"/>
      <c r="Y3" s="426"/>
      <c r="Z3" s="429"/>
      <c r="AA3" s="426"/>
      <c r="AB3" s="429"/>
      <c r="AC3" s="426"/>
      <c r="AD3" s="428"/>
      <c r="AE3" s="426"/>
      <c r="AF3" s="429"/>
      <c r="AG3" s="430"/>
      <c r="AH3" s="429"/>
      <c r="AI3" s="426"/>
      <c r="AJ3" s="428"/>
      <c r="AK3" s="422"/>
    </row>
    <row r="4" spans="1:37" s="424" customFormat="1" ht="12" customHeight="1" x14ac:dyDescent="0.15">
      <c r="A4" s="615"/>
      <c r="B4" s="431"/>
      <c r="C4" s="662"/>
      <c r="D4" s="663"/>
      <c r="E4" s="652" t="s">
        <v>89</v>
      </c>
      <c r="F4" s="666"/>
      <c r="G4" s="667" t="s">
        <v>1</v>
      </c>
      <c r="H4" s="653"/>
      <c r="I4" s="652" t="s">
        <v>2</v>
      </c>
      <c r="J4" s="653"/>
      <c r="K4" s="652" t="s">
        <v>182</v>
      </c>
      <c r="L4" s="653"/>
      <c r="M4" s="654" t="s">
        <v>183</v>
      </c>
      <c r="N4" s="655"/>
      <c r="O4" s="654" t="s">
        <v>184</v>
      </c>
      <c r="P4" s="655"/>
      <c r="Q4" s="652" t="s">
        <v>185</v>
      </c>
      <c r="R4" s="673"/>
      <c r="S4" s="654" t="s">
        <v>186</v>
      </c>
      <c r="T4" s="655"/>
      <c r="U4" s="654" t="s">
        <v>187</v>
      </c>
      <c r="V4" s="655"/>
      <c r="W4" s="656" t="s">
        <v>188</v>
      </c>
      <c r="X4" s="657"/>
      <c r="Y4" s="654" t="s">
        <v>189</v>
      </c>
      <c r="Z4" s="658"/>
      <c r="AA4" s="656" t="s">
        <v>190</v>
      </c>
      <c r="AB4" s="657"/>
      <c r="AC4" s="654" t="s">
        <v>191</v>
      </c>
      <c r="AD4" s="658"/>
      <c r="AE4" s="654" t="s">
        <v>192</v>
      </c>
      <c r="AF4" s="658"/>
      <c r="AG4" s="654" t="s">
        <v>193</v>
      </c>
      <c r="AH4" s="658"/>
      <c r="AI4" s="654" t="s">
        <v>194</v>
      </c>
      <c r="AJ4" s="668"/>
      <c r="AK4" s="422"/>
    </row>
    <row r="5" spans="1:37" s="424" customFormat="1" ht="12" customHeight="1" x14ac:dyDescent="0.15">
      <c r="A5" s="615"/>
      <c r="B5" s="431"/>
      <c r="C5" s="662"/>
      <c r="D5" s="663"/>
      <c r="E5" s="432"/>
      <c r="F5" s="433"/>
      <c r="G5" s="434"/>
      <c r="H5" s="435"/>
      <c r="I5" s="432"/>
      <c r="J5" s="435"/>
      <c r="K5" s="669" t="s">
        <v>195</v>
      </c>
      <c r="L5" s="670"/>
      <c r="M5" s="671"/>
      <c r="N5" s="655"/>
      <c r="O5" s="672" t="s">
        <v>196</v>
      </c>
      <c r="P5" s="655"/>
      <c r="Q5" s="652" t="s">
        <v>197</v>
      </c>
      <c r="R5" s="673"/>
      <c r="S5" s="654" t="s">
        <v>198</v>
      </c>
      <c r="T5" s="655"/>
      <c r="U5" s="654" t="s">
        <v>199</v>
      </c>
      <c r="V5" s="655"/>
      <c r="W5" s="656" t="s">
        <v>200</v>
      </c>
      <c r="X5" s="657"/>
      <c r="Y5" s="656" t="s">
        <v>201</v>
      </c>
      <c r="Z5" s="657"/>
      <c r="AA5" s="654" t="s">
        <v>202</v>
      </c>
      <c r="AB5" s="655"/>
      <c r="AC5" s="654" t="s">
        <v>203</v>
      </c>
      <c r="AD5" s="658"/>
      <c r="AE5" s="654"/>
      <c r="AF5" s="655"/>
      <c r="AG5" s="654" t="s">
        <v>204</v>
      </c>
      <c r="AH5" s="655"/>
      <c r="AI5" s="654"/>
      <c r="AJ5" s="676"/>
      <c r="AK5" s="422"/>
    </row>
    <row r="6" spans="1:37" s="437" customFormat="1" ht="15" customHeight="1" x14ac:dyDescent="0.15">
      <c r="A6" s="615"/>
      <c r="B6" s="436"/>
      <c r="C6" s="662"/>
      <c r="D6" s="663"/>
      <c r="E6" s="674" t="s">
        <v>205</v>
      </c>
      <c r="F6" s="677"/>
      <c r="G6" s="678" t="s">
        <v>205</v>
      </c>
      <c r="H6" s="675"/>
      <c r="I6" s="674" t="s">
        <v>205</v>
      </c>
      <c r="J6" s="675"/>
      <c r="K6" s="674" t="s">
        <v>205</v>
      </c>
      <c r="L6" s="675"/>
      <c r="M6" s="674" t="s">
        <v>205</v>
      </c>
      <c r="N6" s="675"/>
      <c r="O6" s="674" t="s">
        <v>205</v>
      </c>
      <c r="P6" s="675"/>
      <c r="Q6" s="674" t="s">
        <v>205</v>
      </c>
      <c r="R6" s="675"/>
      <c r="S6" s="674" t="s">
        <v>205</v>
      </c>
      <c r="T6" s="675"/>
      <c r="U6" s="674" t="s">
        <v>205</v>
      </c>
      <c r="V6" s="675"/>
      <c r="W6" s="674" t="s">
        <v>205</v>
      </c>
      <c r="X6" s="675"/>
      <c r="Y6" s="674" t="s">
        <v>205</v>
      </c>
      <c r="Z6" s="675"/>
      <c r="AA6" s="674" t="s">
        <v>205</v>
      </c>
      <c r="AB6" s="675"/>
      <c r="AC6" s="674" t="s">
        <v>205</v>
      </c>
      <c r="AD6" s="675"/>
      <c r="AE6" s="674" t="s">
        <v>205</v>
      </c>
      <c r="AF6" s="675"/>
      <c r="AG6" s="674" t="s">
        <v>205</v>
      </c>
      <c r="AH6" s="675"/>
      <c r="AI6" s="674" t="s">
        <v>205</v>
      </c>
      <c r="AJ6" s="678"/>
      <c r="AK6" s="420"/>
    </row>
    <row r="7" spans="1:37" s="424" customFormat="1" ht="7.5" customHeight="1" x14ac:dyDescent="0.15">
      <c r="A7" s="615"/>
      <c r="B7" s="438"/>
      <c r="C7" s="664"/>
      <c r="D7" s="665"/>
      <c r="E7" s="439"/>
      <c r="F7" s="440" t="s">
        <v>164</v>
      </c>
      <c r="G7" s="441"/>
      <c r="H7" s="442" t="s">
        <v>164</v>
      </c>
      <c r="I7" s="439"/>
      <c r="J7" s="442" t="s">
        <v>164</v>
      </c>
      <c r="K7" s="439"/>
      <c r="L7" s="442" t="s">
        <v>164</v>
      </c>
      <c r="M7" s="439"/>
      <c r="N7" s="442" t="s">
        <v>164</v>
      </c>
      <c r="O7" s="439"/>
      <c r="P7" s="442" t="s">
        <v>164</v>
      </c>
      <c r="Q7" s="439"/>
      <c r="R7" s="442" t="s">
        <v>164</v>
      </c>
      <c r="S7" s="439"/>
      <c r="T7" s="442" t="s">
        <v>164</v>
      </c>
      <c r="U7" s="439"/>
      <c r="V7" s="442" t="s">
        <v>164</v>
      </c>
      <c r="W7" s="439"/>
      <c r="X7" s="442" t="s">
        <v>164</v>
      </c>
      <c r="Y7" s="439"/>
      <c r="Z7" s="442" t="s">
        <v>164</v>
      </c>
      <c r="AA7" s="439"/>
      <c r="AB7" s="442" t="s">
        <v>164</v>
      </c>
      <c r="AC7" s="439"/>
      <c r="AD7" s="442" t="s">
        <v>164</v>
      </c>
      <c r="AE7" s="439"/>
      <c r="AF7" s="442" t="s">
        <v>164</v>
      </c>
      <c r="AG7" s="443"/>
      <c r="AH7" s="442" t="s">
        <v>164</v>
      </c>
      <c r="AI7" s="439"/>
      <c r="AJ7" s="334" t="s">
        <v>164</v>
      </c>
      <c r="AK7" s="422"/>
    </row>
    <row r="8" spans="1:37" s="424" customFormat="1" ht="11.25" customHeight="1" x14ac:dyDescent="0.15">
      <c r="A8" s="615"/>
      <c r="B8" s="679" t="s">
        <v>206</v>
      </c>
      <c r="C8" s="444"/>
      <c r="D8" s="491"/>
      <c r="E8" s="339"/>
      <c r="F8" s="341"/>
      <c r="G8" s="339"/>
      <c r="H8" s="339"/>
      <c r="I8" s="339"/>
      <c r="J8" s="339"/>
      <c r="K8" s="339"/>
      <c r="L8" s="339"/>
      <c r="M8" s="339"/>
      <c r="N8" s="339"/>
      <c r="O8" s="339"/>
      <c r="P8" s="339"/>
      <c r="Q8" s="339"/>
      <c r="R8" s="339"/>
      <c r="S8" s="339"/>
      <c r="T8" s="339"/>
      <c r="U8" s="339"/>
      <c r="V8" s="339"/>
      <c r="W8" s="339"/>
      <c r="X8" s="339"/>
      <c r="Y8" s="339"/>
      <c r="Z8" s="339"/>
      <c r="AA8" s="339"/>
      <c r="AB8" s="339"/>
      <c r="AC8" s="339"/>
      <c r="AD8" s="339"/>
      <c r="AE8" s="339"/>
      <c r="AF8" s="339"/>
      <c r="AG8" s="339"/>
      <c r="AH8" s="339"/>
      <c r="AI8" s="339"/>
      <c r="AJ8" s="339"/>
      <c r="AK8" s="422"/>
    </row>
    <row r="9" spans="1:37" s="424" customFormat="1" ht="14.25" customHeight="1" x14ac:dyDescent="0.15">
      <c r="A9" s="615"/>
      <c r="B9" s="680"/>
      <c r="C9" s="448" t="s">
        <v>226</v>
      </c>
      <c r="D9" s="449" t="s">
        <v>227</v>
      </c>
      <c r="E9" s="450">
        <v>102.4</v>
      </c>
      <c r="F9" s="451">
        <v>-1.7</v>
      </c>
      <c r="G9" s="450">
        <v>105</v>
      </c>
      <c r="H9" s="450">
        <v>1.3</v>
      </c>
      <c r="I9" s="450">
        <v>101.8</v>
      </c>
      <c r="J9" s="450">
        <v>-2.4</v>
      </c>
      <c r="K9" s="450">
        <v>98.6</v>
      </c>
      <c r="L9" s="450">
        <v>-1.2</v>
      </c>
      <c r="M9" s="450">
        <v>101.5</v>
      </c>
      <c r="N9" s="450">
        <v>-5.9</v>
      </c>
      <c r="O9" s="450">
        <v>98.7</v>
      </c>
      <c r="P9" s="450">
        <v>0.6</v>
      </c>
      <c r="Q9" s="450">
        <v>100.5</v>
      </c>
      <c r="R9" s="450">
        <v>-3.5</v>
      </c>
      <c r="S9" s="450">
        <v>100.7</v>
      </c>
      <c r="T9" s="450">
        <v>-0.1</v>
      </c>
      <c r="U9" s="450">
        <v>101.5</v>
      </c>
      <c r="V9" s="450">
        <v>1.6</v>
      </c>
      <c r="W9" s="450">
        <v>98.9</v>
      </c>
      <c r="X9" s="450">
        <v>-3.6</v>
      </c>
      <c r="Y9" s="450">
        <v>108.9</v>
      </c>
      <c r="Z9" s="450">
        <v>1.3</v>
      </c>
      <c r="AA9" s="450">
        <v>107.9</v>
      </c>
      <c r="AB9" s="450">
        <v>-7.5</v>
      </c>
      <c r="AC9" s="450">
        <v>100.2</v>
      </c>
      <c r="AD9" s="450">
        <v>2.1</v>
      </c>
      <c r="AE9" s="450">
        <v>104.6</v>
      </c>
      <c r="AF9" s="450">
        <v>-1.3</v>
      </c>
      <c r="AG9" s="450">
        <v>100</v>
      </c>
      <c r="AH9" s="450">
        <v>0.7</v>
      </c>
      <c r="AI9" s="450">
        <v>103.7</v>
      </c>
      <c r="AJ9" s="450">
        <v>-0.9</v>
      </c>
      <c r="AK9" s="422"/>
    </row>
    <row r="10" spans="1:37" s="454" customFormat="1" ht="14.25" customHeight="1" x14ac:dyDescent="0.15">
      <c r="A10" s="615"/>
      <c r="B10" s="680"/>
      <c r="C10" s="448" t="s">
        <v>226</v>
      </c>
      <c r="D10" s="449" t="s">
        <v>228</v>
      </c>
      <c r="E10" s="452">
        <v>100</v>
      </c>
      <c r="F10" s="453">
        <v>-2.2999999999999998</v>
      </c>
      <c r="G10" s="452">
        <v>100</v>
      </c>
      <c r="H10" s="452">
        <v>-4.8</v>
      </c>
      <c r="I10" s="452">
        <v>100</v>
      </c>
      <c r="J10" s="452">
        <v>-1.7</v>
      </c>
      <c r="K10" s="452">
        <v>100</v>
      </c>
      <c r="L10" s="452">
        <v>1.4</v>
      </c>
      <c r="M10" s="452">
        <v>100</v>
      </c>
      <c r="N10" s="452">
        <v>-1.5</v>
      </c>
      <c r="O10" s="452">
        <v>100</v>
      </c>
      <c r="P10" s="452">
        <v>1.4</v>
      </c>
      <c r="Q10" s="452">
        <v>100</v>
      </c>
      <c r="R10" s="452">
        <v>-0.4</v>
      </c>
      <c r="S10" s="452">
        <v>100</v>
      </c>
      <c r="T10" s="452">
        <v>-0.6</v>
      </c>
      <c r="U10" s="452">
        <v>100</v>
      </c>
      <c r="V10" s="452">
        <v>-1.5</v>
      </c>
      <c r="W10" s="452">
        <v>100</v>
      </c>
      <c r="X10" s="452">
        <v>1.1000000000000001</v>
      </c>
      <c r="Y10" s="452">
        <v>100</v>
      </c>
      <c r="Z10" s="452">
        <v>-8.1</v>
      </c>
      <c r="AA10" s="452">
        <v>100</v>
      </c>
      <c r="AB10" s="452">
        <v>-7.3</v>
      </c>
      <c r="AC10" s="452">
        <v>100</v>
      </c>
      <c r="AD10" s="452">
        <v>-0.2</v>
      </c>
      <c r="AE10" s="452">
        <v>100</v>
      </c>
      <c r="AF10" s="452">
        <v>-4.4000000000000004</v>
      </c>
      <c r="AG10" s="452">
        <v>100</v>
      </c>
      <c r="AH10" s="452">
        <v>0.1</v>
      </c>
      <c r="AI10" s="452">
        <v>100</v>
      </c>
      <c r="AJ10" s="452">
        <v>-3.5</v>
      </c>
      <c r="AK10" s="196"/>
    </row>
    <row r="11" spans="1:37" s="424" customFormat="1" ht="14.25" customHeight="1" x14ac:dyDescent="0.15">
      <c r="A11" s="615"/>
      <c r="B11" s="680"/>
      <c r="C11" s="448" t="s">
        <v>226</v>
      </c>
      <c r="D11" s="449" t="s">
        <v>229</v>
      </c>
      <c r="E11" s="450">
        <v>100.2</v>
      </c>
      <c r="F11" s="451">
        <v>0.2</v>
      </c>
      <c r="G11" s="450">
        <v>100.8</v>
      </c>
      <c r="H11" s="450">
        <v>0.9</v>
      </c>
      <c r="I11" s="450">
        <v>100.9</v>
      </c>
      <c r="J11" s="450">
        <v>0.8</v>
      </c>
      <c r="K11" s="450">
        <v>102.7</v>
      </c>
      <c r="L11" s="450">
        <v>2.8</v>
      </c>
      <c r="M11" s="450">
        <v>101.2</v>
      </c>
      <c r="N11" s="450">
        <v>1.3</v>
      </c>
      <c r="O11" s="450">
        <v>98.3</v>
      </c>
      <c r="P11" s="450">
        <v>-1.6</v>
      </c>
      <c r="Q11" s="450">
        <v>97.6</v>
      </c>
      <c r="R11" s="450">
        <v>-2.4</v>
      </c>
      <c r="S11" s="450">
        <v>99</v>
      </c>
      <c r="T11" s="450">
        <v>-1</v>
      </c>
      <c r="U11" s="450">
        <v>103.2</v>
      </c>
      <c r="V11" s="450">
        <v>3.2</v>
      </c>
      <c r="W11" s="450">
        <v>100.8</v>
      </c>
      <c r="X11" s="450">
        <v>0.8</v>
      </c>
      <c r="Y11" s="450">
        <v>102</v>
      </c>
      <c r="Z11" s="450">
        <v>2</v>
      </c>
      <c r="AA11" s="450">
        <v>111.2</v>
      </c>
      <c r="AB11" s="450">
        <v>11.3</v>
      </c>
      <c r="AC11" s="450">
        <v>103.4</v>
      </c>
      <c r="AD11" s="450">
        <v>3.4</v>
      </c>
      <c r="AE11" s="450">
        <v>97.3</v>
      </c>
      <c r="AF11" s="450">
        <v>-2.6</v>
      </c>
      <c r="AG11" s="450">
        <v>100.8</v>
      </c>
      <c r="AH11" s="450">
        <v>0.7</v>
      </c>
      <c r="AI11" s="450">
        <v>101.8</v>
      </c>
      <c r="AJ11" s="450">
        <v>1.7</v>
      </c>
      <c r="AK11" s="422"/>
    </row>
    <row r="12" spans="1:37" s="454" customFormat="1" ht="14.25" customHeight="1" x14ac:dyDescent="0.15">
      <c r="A12" s="615"/>
      <c r="B12" s="680"/>
      <c r="C12" s="448" t="s">
        <v>226</v>
      </c>
      <c r="D12" s="449" t="s">
        <v>230</v>
      </c>
      <c r="E12" s="452">
        <v>100.2</v>
      </c>
      <c r="F12" s="453">
        <v>0</v>
      </c>
      <c r="G12" s="452">
        <v>101.1</v>
      </c>
      <c r="H12" s="452">
        <v>0.3</v>
      </c>
      <c r="I12" s="452">
        <v>102.8</v>
      </c>
      <c r="J12" s="452">
        <v>1.9</v>
      </c>
      <c r="K12" s="452">
        <v>103.2</v>
      </c>
      <c r="L12" s="452">
        <v>0.5</v>
      </c>
      <c r="M12" s="452">
        <v>100.5</v>
      </c>
      <c r="N12" s="452">
        <v>-0.7</v>
      </c>
      <c r="O12" s="452">
        <v>100.3</v>
      </c>
      <c r="P12" s="452">
        <v>2</v>
      </c>
      <c r="Q12" s="452">
        <v>97.5</v>
      </c>
      <c r="R12" s="452">
        <v>-0.1</v>
      </c>
      <c r="S12" s="452">
        <v>97.9</v>
      </c>
      <c r="T12" s="452">
        <v>-1.1000000000000001</v>
      </c>
      <c r="U12" s="452">
        <v>100.4</v>
      </c>
      <c r="V12" s="452">
        <v>-2.7</v>
      </c>
      <c r="W12" s="452">
        <v>100.2</v>
      </c>
      <c r="X12" s="452">
        <v>-0.6</v>
      </c>
      <c r="Y12" s="452">
        <v>114.2</v>
      </c>
      <c r="Z12" s="452">
        <v>12</v>
      </c>
      <c r="AA12" s="452">
        <v>114</v>
      </c>
      <c r="AB12" s="452">
        <v>2.5</v>
      </c>
      <c r="AC12" s="452">
        <v>92.4</v>
      </c>
      <c r="AD12" s="452">
        <v>-10.6</v>
      </c>
      <c r="AE12" s="452">
        <v>100.7</v>
      </c>
      <c r="AF12" s="452">
        <v>3.5</v>
      </c>
      <c r="AG12" s="452">
        <v>98.4</v>
      </c>
      <c r="AH12" s="452">
        <v>-2.4</v>
      </c>
      <c r="AI12" s="452">
        <v>98.7</v>
      </c>
      <c r="AJ12" s="452">
        <v>-3</v>
      </c>
      <c r="AK12" s="196"/>
    </row>
    <row r="13" spans="1:37" s="424" customFormat="1" ht="14.25" customHeight="1" x14ac:dyDescent="0.15">
      <c r="A13" s="615"/>
      <c r="B13" s="680"/>
      <c r="C13" s="448"/>
      <c r="D13" s="449"/>
      <c r="E13" s="452"/>
      <c r="F13" s="453"/>
      <c r="G13" s="452"/>
      <c r="H13" s="452"/>
      <c r="I13" s="452"/>
      <c r="J13" s="452"/>
      <c r="K13" s="452"/>
      <c r="L13" s="452"/>
      <c r="M13" s="452"/>
      <c r="N13" s="452"/>
      <c r="O13" s="452"/>
      <c r="P13" s="452"/>
      <c r="Q13" s="452"/>
      <c r="R13" s="452"/>
      <c r="S13" s="452"/>
      <c r="T13" s="452"/>
      <c r="U13" s="452"/>
      <c r="V13" s="452"/>
      <c r="W13" s="452"/>
      <c r="X13" s="452"/>
      <c r="Y13" s="452"/>
      <c r="Z13" s="452"/>
      <c r="AA13" s="452"/>
      <c r="AB13" s="452"/>
      <c r="AC13" s="452"/>
      <c r="AD13" s="452"/>
      <c r="AE13" s="452"/>
      <c r="AF13" s="452"/>
      <c r="AG13" s="452"/>
      <c r="AH13" s="452"/>
      <c r="AI13" s="452"/>
      <c r="AJ13" s="452"/>
      <c r="AK13" s="422"/>
    </row>
    <row r="14" spans="1:37" s="424" customFormat="1" ht="15" customHeight="1" x14ac:dyDescent="0.15">
      <c r="A14" s="615"/>
      <c r="B14" s="680"/>
      <c r="C14" s="448" t="s">
        <v>207</v>
      </c>
      <c r="D14" s="455" t="s">
        <v>231</v>
      </c>
      <c r="E14" s="450">
        <v>105.4</v>
      </c>
      <c r="F14" s="451">
        <v>1.2</v>
      </c>
      <c r="G14" s="450">
        <v>100.8</v>
      </c>
      <c r="H14" s="450">
        <v>-1.7</v>
      </c>
      <c r="I14" s="450">
        <v>108.6</v>
      </c>
      <c r="J14" s="450">
        <v>3.5</v>
      </c>
      <c r="K14" s="450">
        <v>113.4</v>
      </c>
      <c r="L14" s="450">
        <v>2.2999999999999998</v>
      </c>
      <c r="M14" s="450">
        <v>104.7</v>
      </c>
      <c r="N14" s="450">
        <v>1.3</v>
      </c>
      <c r="O14" s="450">
        <v>104.5</v>
      </c>
      <c r="P14" s="450">
        <v>3.9</v>
      </c>
      <c r="Q14" s="450">
        <v>99.7</v>
      </c>
      <c r="R14" s="450">
        <v>-1.3</v>
      </c>
      <c r="S14" s="450">
        <v>103.2</v>
      </c>
      <c r="T14" s="450">
        <v>-0.7</v>
      </c>
      <c r="U14" s="450">
        <v>102.2</v>
      </c>
      <c r="V14" s="450">
        <v>-2.6</v>
      </c>
      <c r="W14" s="450">
        <v>108</v>
      </c>
      <c r="X14" s="450">
        <v>2.6</v>
      </c>
      <c r="Y14" s="450">
        <v>118.3</v>
      </c>
      <c r="Z14" s="450">
        <v>19</v>
      </c>
      <c r="AA14" s="450">
        <v>124.7</v>
      </c>
      <c r="AB14" s="450">
        <v>10.1</v>
      </c>
      <c r="AC14" s="450">
        <v>99.6</v>
      </c>
      <c r="AD14" s="450">
        <v>-11.6</v>
      </c>
      <c r="AE14" s="450">
        <v>110.5</v>
      </c>
      <c r="AF14" s="450">
        <v>7.8</v>
      </c>
      <c r="AG14" s="450">
        <v>107.3</v>
      </c>
      <c r="AH14" s="450">
        <v>-1.4</v>
      </c>
      <c r="AI14" s="450">
        <v>102.5</v>
      </c>
      <c r="AJ14" s="450">
        <v>-4.7</v>
      </c>
      <c r="AK14" s="422"/>
    </row>
    <row r="15" spans="1:37" s="454" customFormat="1" ht="15" customHeight="1" x14ac:dyDescent="0.15">
      <c r="A15" s="615"/>
      <c r="B15" s="680"/>
      <c r="C15" s="456" t="s">
        <v>0</v>
      </c>
      <c r="D15" s="455" t="s">
        <v>232</v>
      </c>
      <c r="E15" s="452">
        <v>103.1</v>
      </c>
      <c r="F15" s="453">
        <v>-0.8</v>
      </c>
      <c r="G15" s="452">
        <v>107.2</v>
      </c>
      <c r="H15" s="452">
        <v>0.6</v>
      </c>
      <c r="I15" s="452">
        <v>107.2</v>
      </c>
      <c r="J15" s="452">
        <v>0.2</v>
      </c>
      <c r="K15" s="452">
        <v>101.9</v>
      </c>
      <c r="L15" s="452">
        <v>0</v>
      </c>
      <c r="M15" s="452">
        <v>104.1</v>
      </c>
      <c r="N15" s="452">
        <v>-3</v>
      </c>
      <c r="O15" s="452">
        <v>101.6</v>
      </c>
      <c r="P15" s="452">
        <v>0.9</v>
      </c>
      <c r="Q15" s="452">
        <v>99.3</v>
      </c>
      <c r="R15" s="452">
        <v>-1.3</v>
      </c>
      <c r="S15" s="452">
        <v>103.2</v>
      </c>
      <c r="T15" s="452">
        <v>2.5</v>
      </c>
      <c r="U15" s="452">
        <v>103.4</v>
      </c>
      <c r="V15" s="452">
        <v>-4.2</v>
      </c>
      <c r="W15" s="452">
        <v>103.9</v>
      </c>
      <c r="X15" s="452">
        <v>-0.7</v>
      </c>
      <c r="Y15" s="452">
        <v>116.8</v>
      </c>
      <c r="Z15" s="452">
        <v>14.2</v>
      </c>
      <c r="AA15" s="452">
        <v>108.4</v>
      </c>
      <c r="AB15" s="452">
        <v>-7.6</v>
      </c>
      <c r="AC15" s="452">
        <v>97.3</v>
      </c>
      <c r="AD15" s="452">
        <v>-4.8</v>
      </c>
      <c r="AE15" s="452">
        <v>105.4</v>
      </c>
      <c r="AF15" s="452">
        <v>3.9</v>
      </c>
      <c r="AG15" s="452">
        <v>96.1</v>
      </c>
      <c r="AH15" s="452">
        <v>-5.0999999999999996</v>
      </c>
      <c r="AI15" s="452">
        <v>99.8</v>
      </c>
      <c r="AJ15" s="452">
        <v>-4.8</v>
      </c>
      <c r="AK15" s="196"/>
    </row>
    <row r="16" spans="1:37" s="424" customFormat="1" ht="15" customHeight="1" x14ac:dyDescent="0.15">
      <c r="A16" s="615"/>
      <c r="B16" s="680"/>
      <c r="C16" s="456" t="s">
        <v>0</v>
      </c>
      <c r="D16" s="455" t="s">
        <v>233</v>
      </c>
      <c r="E16" s="450">
        <v>97.2</v>
      </c>
      <c r="F16" s="451">
        <v>1.9</v>
      </c>
      <c r="G16" s="450">
        <v>98.1</v>
      </c>
      <c r="H16" s="450">
        <v>4.9000000000000004</v>
      </c>
      <c r="I16" s="450">
        <v>96.2</v>
      </c>
      <c r="J16" s="450">
        <v>3.8</v>
      </c>
      <c r="K16" s="450">
        <v>108</v>
      </c>
      <c r="L16" s="450">
        <v>1.1000000000000001</v>
      </c>
      <c r="M16" s="450">
        <v>99.5</v>
      </c>
      <c r="N16" s="450">
        <v>2.6</v>
      </c>
      <c r="O16" s="450">
        <v>98.4</v>
      </c>
      <c r="P16" s="450">
        <v>3.9</v>
      </c>
      <c r="Q16" s="450">
        <v>97.6</v>
      </c>
      <c r="R16" s="450">
        <v>1.8</v>
      </c>
      <c r="S16" s="450">
        <v>96.3</v>
      </c>
      <c r="T16" s="450">
        <v>2.2000000000000002</v>
      </c>
      <c r="U16" s="450">
        <v>98.9</v>
      </c>
      <c r="V16" s="450">
        <v>-3.6</v>
      </c>
      <c r="W16" s="450">
        <v>94.6</v>
      </c>
      <c r="X16" s="450">
        <v>0.6</v>
      </c>
      <c r="Y16" s="450">
        <v>116.9</v>
      </c>
      <c r="Z16" s="450">
        <v>18.600000000000001</v>
      </c>
      <c r="AA16" s="450">
        <v>110</v>
      </c>
      <c r="AB16" s="450">
        <v>-5.5</v>
      </c>
      <c r="AC16" s="450">
        <v>73</v>
      </c>
      <c r="AD16" s="450">
        <v>-12.5</v>
      </c>
      <c r="AE16" s="450">
        <v>101.4</v>
      </c>
      <c r="AF16" s="450">
        <v>6.4</v>
      </c>
      <c r="AG16" s="450">
        <v>98.3</v>
      </c>
      <c r="AH16" s="450">
        <v>2.5</v>
      </c>
      <c r="AI16" s="450">
        <v>95.1</v>
      </c>
      <c r="AJ16" s="450">
        <v>-2.2999999999999998</v>
      </c>
      <c r="AK16" s="422"/>
    </row>
    <row r="17" spans="1:37" s="454" customFormat="1" ht="15" customHeight="1" x14ac:dyDescent="0.15">
      <c r="A17" s="615"/>
      <c r="B17" s="680"/>
      <c r="C17" s="456" t="s">
        <v>0</v>
      </c>
      <c r="D17" s="455" t="s">
        <v>234</v>
      </c>
      <c r="E17" s="452">
        <v>101.2</v>
      </c>
      <c r="F17" s="453">
        <v>1.1000000000000001</v>
      </c>
      <c r="G17" s="452">
        <v>99.7</v>
      </c>
      <c r="H17" s="452">
        <v>0.9</v>
      </c>
      <c r="I17" s="452">
        <v>104.5</v>
      </c>
      <c r="J17" s="452">
        <v>2.2000000000000002</v>
      </c>
      <c r="K17" s="452">
        <v>101.1</v>
      </c>
      <c r="L17" s="452">
        <v>0</v>
      </c>
      <c r="M17" s="452">
        <v>101.6</v>
      </c>
      <c r="N17" s="452">
        <v>5</v>
      </c>
      <c r="O17" s="452">
        <v>101.3</v>
      </c>
      <c r="P17" s="452">
        <v>2.7</v>
      </c>
      <c r="Q17" s="452">
        <v>97.6</v>
      </c>
      <c r="R17" s="452">
        <v>2.5</v>
      </c>
      <c r="S17" s="452">
        <v>99.7</v>
      </c>
      <c r="T17" s="452">
        <v>4.2</v>
      </c>
      <c r="U17" s="452">
        <v>99.1</v>
      </c>
      <c r="V17" s="452">
        <v>-2.2000000000000002</v>
      </c>
      <c r="W17" s="452">
        <v>99.8</v>
      </c>
      <c r="X17" s="452">
        <v>0.3</v>
      </c>
      <c r="Y17" s="452">
        <v>117</v>
      </c>
      <c r="Z17" s="452">
        <v>14.3</v>
      </c>
      <c r="AA17" s="452">
        <v>108.6</v>
      </c>
      <c r="AB17" s="452">
        <v>-2</v>
      </c>
      <c r="AC17" s="452">
        <v>102.7</v>
      </c>
      <c r="AD17" s="452">
        <v>-1.9</v>
      </c>
      <c r="AE17" s="452">
        <v>101.1</v>
      </c>
      <c r="AF17" s="452">
        <v>1.8</v>
      </c>
      <c r="AG17" s="452">
        <v>96.9</v>
      </c>
      <c r="AH17" s="452">
        <v>1.9</v>
      </c>
      <c r="AI17" s="452">
        <v>99.5</v>
      </c>
      <c r="AJ17" s="452">
        <v>-1.8</v>
      </c>
      <c r="AK17" s="196"/>
    </row>
    <row r="18" spans="1:37" s="424" customFormat="1" ht="15" customHeight="1" x14ac:dyDescent="0.15">
      <c r="A18" s="615"/>
      <c r="B18" s="680"/>
      <c r="C18" s="456" t="s">
        <v>0</v>
      </c>
      <c r="D18" s="455" t="s">
        <v>235</v>
      </c>
      <c r="E18" s="450">
        <v>100.5</v>
      </c>
      <c r="F18" s="451">
        <v>-1.7</v>
      </c>
      <c r="G18" s="450">
        <v>103.9</v>
      </c>
      <c r="H18" s="450">
        <v>-1.7</v>
      </c>
      <c r="I18" s="450">
        <v>103.7</v>
      </c>
      <c r="J18" s="450">
        <v>0.4</v>
      </c>
      <c r="K18" s="450">
        <v>102.2</v>
      </c>
      <c r="L18" s="450">
        <v>-1.6</v>
      </c>
      <c r="M18" s="450">
        <v>102.1</v>
      </c>
      <c r="N18" s="450">
        <v>0.6</v>
      </c>
      <c r="O18" s="450">
        <v>100.1</v>
      </c>
      <c r="P18" s="450">
        <v>0.6</v>
      </c>
      <c r="Q18" s="450">
        <v>98.2</v>
      </c>
      <c r="R18" s="450">
        <v>-0.3</v>
      </c>
      <c r="S18" s="450">
        <v>98.6</v>
      </c>
      <c r="T18" s="450">
        <v>-0.9</v>
      </c>
      <c r="U18" s="450">
        <v>100.8</v>
      </c>
      <c r="V18" s="450">
        <v>-2</v>
      </c>
      <c r="W18" s="450">
        <v>101.9</v>
      </c>
      <c r="X18" s="450">
        <v>-1.6</v>
      </c>
      <c r="Y18" s="450">
        <v>113</v>
      </c>
      <c r="Z18" s="450">
        <v>3</v>
      </c>
      <c r="AA18" s="450">
        <v>110.2</v>
      </c>
      <c r="AB18" s="450">
        <v>-5.7</v>
      </c>
      <c r="AC18" s="450">
        <v>100</v>
      </c>
      <c r="AD18" s="450">
        <v>-11.7</v>
      </c>
      <c r="AE18" s="450">
        <v>99.1</v>
      </c>
      <c r="AF18" s="450">
        <v>5</v>
      </c>
      <c r="AG18" s="450">
        <v>96.5</v>
      </c>
      <c r="AH18" s="450">
        <v>-7.7</v>
      </c>
      <c r="AI18" s="450">
        <v>97.5</v>
      </c>
      <c r="AJ18" s="450">
        <v>-5.6</v>
      </c>
      <c r="AK18" s="422"/>
    </row>
    <row r="19" spans="1:37" s="454" customFormat="1" ht="15" customHeight="1" x14ac:dyDescent="0.15">
      <c r="A19" s="615"/>
      <c r="B19" s="680"/>
      <c r="C19" s="456" t="s">
        <v>0</v>
      </c>
      <c r="D19" s="455" t="s">
        <v>236</v>
      </c>
      <c r="E19" s="452">
        <v>102.1</v>
      </c>
      <c r="F19" s="453">
        <v>-0.8</v>
      </c>
      <c r="G19" s="452">
        <v>104.9</v>
      </c>
      <c r="H19" s="452">
        <v>-1.6</v>
      </c>
      <c r="I19" s="452">
        <v>107.1</v>
      </c>
      <c r="J19" s="452">
        <v>1.6</v>
      </c>
      <c r="K19" s="452">
        <v>101.9</v>
      </c>
      <c r="L19" s="452">
        <v>-1</v>
      </c>
      <c r="M19" s="452">
        <v>102.6</v>
      </c>
      <c r="N19" s="452">
        <v>-1</v>
      </c>
      <c r="O19" s="452">
        <v>102.9</v>
      </c>
      <c r="P19" s="452">
        <v>2.6</v>
      </c>
      <c r="Q19" s="452">
        <v>99.6</v>
      </c>
      <c r="R19" s="452">
        <v>1.2</v>
      </c>
      <c r="S19" s="452">
        <v>98.2</v>
      </c>
      <c r="T19" s="452">
        <v>-1.3</v>
      </c>
      <c r="U19" s="452">
        <v>102.7</v>
      </c>
      <c r="V19" s="452">
        <v>-3.3</v>
      </c>
      <c r="W19" s="452">
        <v>102.4</v>
      </c>
      <c r="X19" s="452">
        <v>-1.2</v>
      </c>
      <c r="Y19" s="452">
        <v>110.8</v>
      </c>
      <c r="Z19" s="452">
        <v>-0.4</v>
      </c>
      <c r="AA19" s="452">
        <v>114.1</v>
      </c>
      <c r="AB19" s="452">
        <v>-3.5</v>
      </c>
      <c r="AC19" s="452">
        <v>102.4</v>
      </c>
      <c r="AD19" s="452">
        <v>-5.2</v>
      </c>
      <c r="AE19" s="452">
        <v>99.8</v>
      </c>
      <c r="AF19" s="452">
        <v>2.8</v>
      </c>
      <c r="AG19" s="452">
        <v>97.3</v>
      </c>
      <c r="AH19" s="452">
        <v>-3.1</v>
      </c>
      <c r="AI19" s="452">
        <v>99.8</v>
      </c>
      <c r="AJ19" s="452">
        <v>-3.6</v>
      </c>
      <c r="AK19" s="196"/>
    </row>
    <row r="20" spans="1:37" s="424" customFormat="1" ht="15" customHeight="1" x14ac:dyDescent="0.15">
      <c r="A20" s="615"/>
      <c r="B20" s="680"/>
      <c r="C20" s="456" t="s">
        <v>0</v>
      </c>
      <c r="D20" s="455" t="s">
        <v>237</v>
      </c>
      <c r="E20" s="450">
        <v>100.9</v>
      </c>
      <c r="F20" s="451">
        <v>-0.9</v>
      </c>
      <c r="G20" s="450">
        <v>102.4</v>
      </c>
      <c r="H20" s="450">
        <v>0.3</v>
      </c>
      <c r="I20" s="450">
        <v>106</v>
      </c>
      <c r="J20" s="450">
        <v>1.8</v>
      </c>
      <c r="K20" s="450">
        <v>100.1</v>
      </c>
      <c r="L20" s="450">
        <v>0.7</v>
      </c>
      <c r="M20" s="450">
        <v>101.3</v>
      </c>
      <c r="N20" s="450">
        <v>-0.4</v>
      </c>
      <c r="O20" s="450">
        <v>103</v>
      </c>
      <c r="P20" s="450">
        <v>-0.6</v>
      </c>
      <c r="Q20" s="450">
        <v>98.5</v>
      </c>
      <c r="R20" s="450">
        <v>0.9</v>
      </c>
      <c r="S20" s="450">
        <v>102.8</v>
      </c>
      <c r="T20" s="450">
        <v>1.2</v>
      </c>
      <c r="U20" s="450">
        <v>103</v>
      </c>
      <c r="V20" s="450">
        <v>-0.8</v>
      </c>
      <c r="W20" s="450">
        <v>98.8</v>
      </c>
      <c r="X20" s="450">
        <v>-1.2</v>
      </c>
      <c r="Y20" s="450">
        <v>118.6</v>
      </c>
      <c r="Z20" s="450">
        <v>4.9000000000000004</v>
      </c>
      <c r="AA20" s="450">
        <v>111.3</v>
      </c>
      <c r="AB20" s="450">
        <v>-3</v>
      </c>
      <c r="AC20" s="450">
        <v>94.1</v>
      </c>
      <c r="AD20" s="450">
        <v>-7.7</v>
      </c>
      <c r="AE20" s="450">
        <v>97.1</v>
      </c>
      <c r="AF20" s="450">
        <v>1.7</v>
      </c>
      <c r="AG20" s="450">
        <v>103.3</v>
      </c>
      <c r="AH20" s="450">
        <v>-6.3</v>
      </c>
      <c r="AI20" s="450">
        <v>99.4</v>
      </c>
      <c r="AJ20" s="450">
        <v>-5.2</v>
      </c>
      <c r="AK20" s="422"/>
    </row>
    <row r="21" spans="1:37" s="454" customFormat="1" ht="15" customHeight="1" x14ac:dyDescent="0.15">
      <c r="A21" s="615"/>
      <c r="B21" s="680"/>
      <c r="C21" s="456" t="s">
        <v>238</v>
      </c>
      <c r="D21" s="455" t="s">
        <v>239</v>
      </c>
      <c r="E21" s="452">
        <v>94</v>
      </c>
      <c r="F21" s="453">
        <v>-1.6</v>
      </c>
      <c r="G21" s="452">
        <v>92.7</v>
      </c>
      <c r="H21" s="452">
        <v>-0.9</v>
      </c>
      <c r="I21" s="452">
        <v>94.6</v>
      </c>
      <c r="J21" s="452">
        <v>0.3</v>
      </c>
      <c r="K21" s="452">
        <v>96</v>
      </c>
      <c r="L21" s="452">
        <v>0.2</v>
      </c>
      <c r="M21" s="452">
        <v>99.1</v>
      </c>
      <c r="N21" s="452">
        <v>4.9000000000000004</v>
      </c>
      <c r="O21" s="452">
        <v>94.6</v>
      </c>
      <c r="P21" s="452">
        <v>-2.1</v>
      </c>
      <c r="Q21" s="452">
        <v>92.9</v>
      </c>
      <c r="R21" s="452">
        <v>-1.3</v>
      </c>
      <c r="S21" s="452">
        <v>92.4</v>
      </c>
      <c r="T21" s="452">
        <v>-2.2000000000000002</v>
      </c>
      <c r="U21" s="452">
        <v>95.2</v>
      </c>
      <c r="V21" s="452">
        <v>-1.9</v>
      </c>
      <c r="W21" s="452">
        <v>89.8</v>
      </c>
      <c r="X21" s="452">
        <v>-4.7</v>
      </c>
      <c r="Y21" s="452">
        <v>119.3</v>
      </c>
      <c r="Z21" s="452">
        <v>7.5</v>
      </c>
      <c r="AA21" s="452">
        <v>104.4</v>
      </c>
      <c r="AB21" s="452">
        <v>-10.199999999999999</v>
      </c>
      <c r="AC21" s="452">
        <v>88.3</v>
      </c>
      <c r="AD21" s="452">
        <v>3.3</v>
      </c>
      <c r="AE21" s="452">
        <v>93.7</v>
      </c>
      <c r="AF21" s="452">
        <v>-4.3</v>
      </c>
      <c r="AG21" s="452">
        <v>96.5</v>
      </c>
      <c r="AH21" s="452">
        <v>1.3</v>
      </c>
      <c r="AI21" s="452">
        <v>88.6</v>
      </c>
      <c r="AJ21" s="452">
        <v>-6.2</v>
      </c>
      <c r="AK21" s="196"/>
    </row>
    <row r="22" spans="1:37" s="424" customFormat="1" ht="15" customHeight="1" x14ac:dyDescent="0.15">
      <c r="A22" s="615"/>
      <c r="B22" s="680"/>
      <c r="C22" s="456" t="s">
        <v>0</v>
      </c>
      <c r="D22" s="455" t="s">
        <v>240</v>
      </c>
      <c r="E22" s="450">
        <v>98.3</v>
      </c>
      <c r="F22" s="451">
        <v>2.2000000000000002</v>
      </c>
      <c r="G22" s="450">
        <v>102</v>
      </c>
      <c r="H22" s="450">
        <v>2.8</v>
      </c>
      <c r="I22" s="450">
        <v>103.3</v>
      </c>
      <c r="J22" s="450">
        <v>3</v>
      </c>
      <c r="K22" s="450">
        <v>96.2</v>
      </c>
      <c r="L22" s="450">
        <v>4.3</v>
      </c>
      <c r="M22" s="450">
        <v>98.5</v>
      </c>
      <c r="N22" s="450">
        <v>7.1</v>
      </c>
      <c r="O22" s="450">
        <v>95.5</v>
      </c>
      <c r="P22" s="450">
        <v>-0.2</v>
      </c>
      <c r="Q22" s="450">
        <v>96.7</v>
      </c>
      <c r="R22" s="450">
        <v>0.9</v>
      </c>
      <c r="S22" s="450">
        <v>93.9</v>
      </c>
      <c r="T22" s="450">
        <v>7.9</v>
      </c>
      <c r="U22" s="450">
        <v>100.7</v>
      </c>
      <c r="V22" s="450">
        <v>3.1</v>
      </c>
      <c r="W22" s="450">
        <v>96</v>
      </c>
      <c r="X22" s="450">
        <v>0.3</v>
      </c>
      <c r="Y22" s="450">
        <v>107.8</v>
      </c>
      <c r="Z22" s="450">
        <v>5.3</v>
      </c>
      <c r="AA22" s="450">
        <v>100.1</v>
      </c>
      <c r="AB22" s="450">
        <v>-7.5</v>
      </c>
      <c r="AC22" s="450">
        <v>96.8</v>
      </c>
      <c r="AD22" s="450">
        <v>15.4</v>
      </c>
      <c r="AE22" s="450">
        <v>98.8</v>
      </c>
      <c r="AF22" s="450">
        <v>1.5</v>
      </c>
      <c r="AG22" s="450">
        <v>93.4</v>
      </c>
      <c r="AH22" s="450">
        <v>7.4</v>
      </c>
      <c r="AI22" s="450">
        <v>96.6</v>
      </c>
      <c r="AJ22" s="450">
        <v>-1.1000000000000001</v>
      </c>
      <c r="AK22" s="422"/>
    </row>
    <row r="23" spans="1:37" s="454" customFormat="1" ht="15" customHeight="1" x14ac:dyDescent="0.15">
      <c r="A23" s="615"/>
      <c r="B23" s="680"/>
      <c r="C23" s="456" t="s">
        <v>0</v>
      </c>
      <c r="D23" s="455" t="s">
        <v>241</v>
      </c>
      <c r="E23" s="452">
        <v>101.2</v>
      </c>
      <c r="F23" s="453">
        <v>1.3</v>
      </c>
      <c r="G23" s="452">
        <v>103.6</v>
      </c>
      <c r="H23" s="452">
        <v>2.2000000000000002</v>
      </c>
      <c r="I23" s="452">
        <v>106.4</v>
      </c>
      <c r="J23" s="452">
        <v>2.4</v>
      </c>
      <c r="K23" s="452">
        <v>105.4</v>
      </c>
      <c r="L23" s="452">
        <v>-8.6999999999999993</v>
      </c>
      <c r="M23" s="452">
        <v>105.5</v>
      </c>
      <c r="N23" s="452">
        <v>5</v>
      </c>
      <c r="O23" s="452">
        <v>98.9</v>
      </c>
      <c r="P23" s="452">
        <v>-0.3</v>
      </c>
      <c r="Q23" s="452">
        <v>95.8</v>
      </c>
      <c r="R23" s="452">
        <v>1.5</v>
      </c>
      <c r="S23" s="452">
        <v>102.9</v>
      </c>
      <c r="T23" s="452">
        <v>6</v>
      </c>
      <c r="U23" s="452">
        <v>103</v>
      </c>
      <c r="V23" s="452">
        <v>6.2</v>
      </c>
      <c r="W23" s="452">
        <v>103.5</v>
      </c>
      <c r="X23" s="452">
        <v>-0.4</v>
      </c>
      <c r="Y23" s="452">
        <v>115.2</v>
      </c>
      <c r="Z23" s="452">
        <v>6.9</v>
      </c>
      <c r="AA23" s="452">
        <v>106.4</v>
      </c>
      <c r="AB23" s="452">
        <v>-9.6999999999999993</v>
      </c>
      <c r="AC23" s="452">
        <v>99.3</v>
      </c>
      <c r="AD23" s="452">
        <v>12.5</v>
      </c>
      <c r="AE23" s="452">
        <v>100.9</v>
      </c>
      <c r="AF23" s="452">
        <v>0.2</v>
      </c>
      <c r="AG23" s="452">
        <v>105.9</v>
      </c>
      <c r="AH23" s="452">
        <v>2.7</v>
      </c>
      <c r="AI23" s="452">
        <v>99.4</v>
      </c>
      <c r="AJ23" s="452">
        <v>-3.7</v>
      </c>
      <c r="AK23" s="196"/>
    </row>
    <row r="24" spans="1:37" s="424" customFormat="1" ht="15" customHeight="1" x14ac:dyDescent="0.15">
      <c r="A24" s="615"/>
      <c r="B24" s="680"/>
      <c r="C24" s="456" t="s">
        <v>0</v>
      </c>
      <c r="D24" s="455" t="s">
        <v>242</v>
      </c>
      <c r="E24" s="450">
        <v>103.5</v>
      </c>
      <c r="F24" s="451">
        <v>-0.8</v>
      </c>
      <c r="G24" s="450">
        <v>106.7</v>
      </c>
      <c r="H24" s="450">
        <v>1.2</v>
      </c>
      <c r="I24" s="450">
        <v>107.1</v>
      </c>
      <c r="J24" s="450">
        <v>-0.7</v>
      </c>
      <c r="K24" s="450">
        <v>103</v>
      </c>
      <c r="L24" s="450">
        <v>-3</v>
      </c>
      <c r="M24" s="450">
        <v>107</v>
      </c>
      <c r="N24" s="450">
        <v>0.3</v>
      </c>
      <c r="O24" s="450">
        <v>102.4</v>
      </c>
      <c r="P24" s="450">
        <v>-1.5</v>
      </c>
      <c r="Q24" s="450">
        <v>100.4</v>
      </c>
      <c r="R24" s="450">
        <v>0.4</v>
      </c>
      <c r="S24" s="450">
        <v>97.4</v>
      </c>
      <c r="T24" s="450">
        <v>-2.6</v>
      </c>
      <c r="U24" s="450">
        <v>106.6</v>
      </c>
      <c r="V24" s="450">
        <v>0</v>
      </c>
      <c r="W24" s="450">
        <v>102.4</v>
      </c>
      <c r="X24" s="450">
        <v>-2.2000000000000002</v>
      </c>
      <c r="Y24" s="450">
        <v>119.6</v>
      </c>
      <c r="Z24" s="450">
        <v>1.1000000000000001</v>
      </c>
      <c r="AA24" s="450">
        <v>118.6</v>
      </c>
      <c r="AB24" s="450">
        <v>-2</v>
      </c>
      <c r="AC24" s="450">
        <v>99.2</v>
      </c>
      <c r="AD24" s="450">
        <v>7.2</v>
      </c>
      <c r="AE24" s="450">
        <v>103.3</v>
      </c>
      <c r="AF24" s="450">
        <v>-2.6</v>
      </c>
      <c r="AG24" s="450">
        <v>102.4</v>
      </c>
      <c r="AH24" s="450">
        <v>0.3</v>
      </c>
      <c r="AI24" s="450">
        <v>99.7</v>
      </c>
      <c r="AJ24" s="450">
        <v>-2.4</v>
      </c>
      <c r="AK24" s="422"/>
    </row>
    <row r="25" spans="1:37" s="454" customFormat="1" ht="15" customHeight="1" x14ac:dyDescent="0.15">
      <c r="A25" s="615"/>
      <c r="B25" s="680"/>
      <c r="C25" s="456" t="s">
        <v>0</v>
      </c>
      <c r="D25" s="455" t="s">
        <v>243</v>
      </c>
      <c r="E25" s="452">
        <v>98.8</v>
      </c>
      <c r="F25" s="453">
        <v>3.3</v>
      </c>
      <c r="G25" s="452">
        <v>96.9</v>
      </c>
      <c r="H25" s="452">
        <v>0.8</v>
      </c>
      <c r="I25" s="452">
        <v>98.3</v>
      </c>
      <c r="J25" s="452">
        <v>4.8</v>
      </c>
      <c r="K25" s="452">
        <v>102.1</v>
      </c>
      <c r="L25" s="452">
        <v>1.8</v>
      </c>
      <c r="M25" s="452">
        <v>101.2</v>
      </c>
      <c r="N25" s="452">
        <v>5.4</v>
      </c>
      <c r="O25" s="452">
        <v>99.1</v>
      </c>
      <c r="P25" s="452">
        <v>2.8</v>
      </c>
      <c r="Q25" s="452">
        <v>96.7</v>
      </c>
      <c r="R25" s="452">
        <v>1.8</v>
      </c>
      <c r="S25" s="452">
        <v>97.2</v>
      </c>
      <c r="T25" s="452">
        <v>3.1</v>
      </c>
      <c r="U25" s="452">
        <v>97.6</v>
      </c>
      <c r="V25" s="452">
        <v>1.1000000000000001</v>
      </c>
      <c r="W25" s="452">
        <v>95.1</v>
      </c>
      <c r="X25" s="452">
        <v>1</v>
      </c>
      <c r="Y25" s="452">
        <v>117.5</v>
      </c>
      <c r="Z25" s="452">
        <v>-1.5</v>
      </c>
      <c r="AA25" s="452">
        <v>115.7</v>
      </c>
      <c r="AB25" s="452">
        <v>-1</v>
      </c>
      <c r="AC25" s="452">
        <v>98.8</v>
      </c>
      <c r="AD25" s="452">
        <v>10.6</v>
      </c>
      <c r="AE25" s="452">
        <v>100.5</v>
      </c>
      <c r="AF25" s="452">
        <v>9.1999999999999993</v>
      </c>
      <c r="AG25" s="452">
        <v>101.5</v>
      </c>
      <c r="AH25" s="452">
        <v>4.3</v>
      </c>
      <c r="AI25" s="452">
        <v>95.8</v>
      </c>
      <c r="AJ25" s="452">
        <v>2.9</v>
      </c>
      <c r="AK25" s="196"/>
    </row>
    <row r="26" spans="1:37" s="424" customFormat="1" ht="14.25" customHeight="1" x14ac:dyDescent="0.15">
      <c r="A26" s="615"/>
      <c r="B26" s="680"/>
      <c r="C26" s="448"/>
      <c r="D26" s="455"/>
      <c r="E26" s="493"/>
      <c r="F26" s="453"/>
      <c r="G26" s="452"/>
      <c r="H26" s="452"/>
      <c r="I26" s="493"/>
      <c r="J26" s="452"/>
      <c r="K26" s="493"/>
      <c r="L26" s="452"/>
      <c r="M26" s="493"/>
      <c r="N26" s="452"/>
      <c r="O26" s="493"/>
      <c r="P26" s="452"/>
      <c r="Q26" s="493"/>
      <c r="R26" s="452"/>
      <c r="S26" s="493"/>
      <c r="T26" s="452"/>
      <c r="U26" s="452"/>
      <c r="V26" s="452"/>
      <c r="W26" s="452"/>
      <c r="X26" s="452"/>
      <c r="Y26" s="452"/>
      <c r="Z26" s="452"/>
      <c r="AA26" s="452"/>
      <c r="AB26" s="452"/>
      <c r="AC26" s="493"/>
      <c r="AD26" s="452"/>
      <c r="AE26" s="493"/>
      <c r="AF26" s="452"/>
      <c r="AG26" s="493"/>
      <c r="AH26" s="452"/>
      <c r="AI26" s="493"/>
      <c r="AJ26" s="452"/>
      <c r="AK26" s="422"/>
    </row>
    <row r="27" spans="1:37" s="424" customFormat="1" ht="14.25" customHeight="1" x14ac:dyDescent="0.15">
      <c r="A27" s="615"/>
      <c r="B27" s="680"/>
      <c r="C27" s="448" t="s">
        <v>238</v>
      </c>
      <c r="D27" s="455" t="s">
        <v>231</v>
      </c>
      <c r="E27" s="450">
        <v>104.6</v>
      </c>
      <c r="F27" s="451">
        <v>-0.8</v>
      </c>
      <c r="G27" s="450">
        <v>105.2</v>
      </c>
      <c r="H27" s="450">
        <v>4.4000000000000004</v>
      </c>
      <c r="I27" s="450">
        <v>109.4</v>
      </c>
      <c r="J27" s="450">
        <v>0.7</v>
      </c>
      <c r="K27" s="450">
        <v>110.9</v>
      </c>
      <c r="L27" s="450">
        <v>-2.2000000000000002</v>
      </c>
      <c r="M27" s="450">
        <v>104.5</v>
      </c>
      <c r="N27" s="450">
        <v>-0.2</v>
      </c>
      <c r="O27" s="450">
        <v>104.7</v>
      </c>
      <c r="P27" s="450">
        <v>0.2</v>
      </c>
      <c r="Q27" s="450">
        <v>100.5</v>
      </c>
      <c r="R27" s="450">
        <v>0.8</v>
      </c>
      <c r="S27" s="450">
        <v>107.1</v>
      </c>
      <c r="T27" s="450">
        <v>3.8</v>
      </c>
      <c r="U27" s="450">
        <v>105.7</v>
      </c>
      <c r="V27" s="450">
        <v>3.4</v>
      </c>
      <c r="W27" s="450">
        <v>106.3</v>
      </c>
      <c r="X27" s="450">
        <v>-1.6</v>
      </c>
      <c r="Y27" s="450">
        <v>118.6</v>
      </c>
      <c r="Z27" s="450">
        <v>0.3</v>
      </c>
      <c r="AA27" s="450">
        <v>112.6</v>
      </c>
      <c r="AB27" s="450">
        <v>-9.6999999999999993</v>
      </c>
      <c r="AC27" s="450">
        <v>100.6</v>
      </c>
      <c r="AD27" s="450">
        <v>1</v>
      </c>
      <c r="AE27" s="450">
        <v>106.1</v>
      </c>
      <c r="AF27" s="450">
        <v>-4</v>
      </c>
      <c r="AG27" s="450">
        <v>108.1</v>
      </c>
      <c r="AH27" s="450">
        <v>0.7</v>
      </c>
      <c r="AI27" s="450">
        <v>102.3</v>
      </c>
      <c r="AJ27" s="450">
        <v>-0.2</v>
      </c>
      <c r="AK27" s="422"/>
    </row>
    <row r="28" spans="1:37" s="424" customFormat="1" ht="11.25" customHeight="1" x14ac:dyDescent="0.15">
      <c r="A28" s="615"/>
      <c r="B28" s="681"/>
      <c r="C28" s="457"/>
      <c r="D28" s="458"/>
      <c r="E28" s="452"/>
      <c r="F28" s="453"/>
      <c r="G28" s="452"/>
      <c r="H28" s="452"/>
      <c r="I28" s="452"/>
      <c r="J28" s="452"/>
      <c r="K28" s="452"/>
      <c r="L28" s="452"/>
      <c r="M28" s="452"/>
      <c r="N28" s="452"/>
      <c r="O28" s="452"/>
      <c r="P28" s="452"/>
      <c r="Q28" s="452"/>
      <c r="R28" s="452"/>
      <c r="S28" s="452"/>
      <c r="T28" s="452"/>
      <c r="U28" s="452"/>
      <c r="V28" s="452"/>
      <c r="W28" s="452"/>
      <c r="X28" s="452"/>
      <c r="Y28" s="452"/>
      <c r="Z28" s="452"/>
      <c r="AA28" s="452"/>
      <c r="AB28" s="452"/>
      <c r="AC28" s="452"/>
      <c r="AD28" s="452"/>
      <c r="AE28" s="452"/>
      <c r="AF28" s="452"/>
      <c r="AG28" s="452"/>
      <c r="AH28" s="452"/>
      <c r="AI28" s="452"/>
      <c r="AJ28" s="452"/>
      <c r="AK28" s="422"/>
    </row>
    <row r="29" spans="1:37" s="424" customFormat="1" ht="11.25" customHeight="1" x14ac:dyDescent="0.15">
      <c r="A29" s="615"/>
      <c r="B29" s="459"/>
      <c r="C29" s="460"/>
      <c r="D29" s="461"/>
      <c r="E29" s="462"/>
      <c r="F29" s="463"/>
      <c r="G29" s="462"/>
      <c r="H29" s="462"/>
      <c r="I29" s="462"/>
      <c r="J29" s="462"/>
      <c r="K29" s="462"/>
      <c r="L29" s="462"/>
      <c r="M29" s="462"/>
      <c r="N29" s="462"/>
      <c r="O29" s="462"/>
      <c r="P29" s="462"/>
      <c r="Q29" s="462"/>
      <c r="R29" s="462"/>
      <c r="S29" s="462"/>
      <c r="T29" s="462"/>
      <c r="U29" s="462"/>
      <c r="V29" s="462"/>
      <c r="W29" s="462"/>
      <c r="X29" s="462"/>
      <c r="Y29" s="462"/>
      <c r="Z29" s="462"/>
      <c r="AA29" s="462"/>
      <c r="AB29" s="462"/>
      <c r="AC29" s="462"/>
      <c r="AD29" s="462"/>
      <c r="AE29" s="462"/>
      <c r="AF29" s="462"/>
      <c r="AG29" s="462"/>
      <c r="AH29" s="462"/>
      <c r="AI29" s="462"/>
      <c r="AJ29" s="462"/>
      <c r="AK29" s="422"/>
    </row>
    <row r="30" spans="1:37" s="424" customFormat="1" ht="14.25" customHeight="1" x14ac:dyDescent="0.15">
      <c r="A30" s="615"/>
      <c r="B30" s="472"/>
      <c r="C30" s="448" t="s">
        <v>226</v>
      </c>
      <c r="D30" s="449" t="s">
        <v>227</v>
      </c>
      <c r="E30" s="450">
        <v>101.9</v>
      </c>
      <c r="F30" s="451">
        <v>-1.9</v>
      </c>
      <c r="G30" s="450">
        <v>104.7</v>
      </c>
      <c r="H30" s="450">
        <v>-4.8</v>
      </c>
      <c r="I30" s="450">
        <v>101</v>
      </c>
      <c r="J30" s="450">
        <v>-1.9</v>
      </c>
      <c r="K30" s="450">
        <v>98.3</v>
      </c>
      <c r="L30" s="450">
        <v>-0.3</v>
      </c>
      <c r="M30" s="450">
        <v>101.1</v>
      </c>
      <c r="N30" s="450">
        <v>-6.5</v>
      </c>
      <c r="O30" s="450">
        <v>97.7</v>
      </c>
      <c r="P30" s="450">
        <v>0.7</v>
      </c>
      <c r="Q30" s="450">
        <v>102.1</v>
      </c>
      <c r="R30" s="450">
        <v>-4.2</v>
      </c>
      <c r="S30" s="450">
        <v>102.7</v>
      </c>
      <c r="T30" s="450">
        <v>4.2</v>
      </c>
      <c r="U30" s="450">
        <v>103.7</v>
      </c>
      <c r="V30" s="450">
        <v>7.7</v>
      </c>
      <c r="W30" s="450">
        <v>99.5</v>
      </c>
      <c r="X30" s="450">
        <v>-2.7</v>
      </c>
      <c r="Y30" s="450">
        <v>106.2</v>
      </c>
      <c r="Z30" s="450">
        <v>0.7</v>
      </c>
      <c r="AA30" s="450">
        <v>111.2</v>
      </c>
      <c r="AB30" s="450">
        <v>-7.3</v>
      </c>
      <c r="AC30" s="450">
        <v>96.5</v>
      </c>
      <c r="AD30" s="450">
        <v>3.2</v>
      </c>
      <c r="AE30" s="450">
        <v>104</v>
      </c>
      <c r="AF30" s="450">
        <v>-2.9</v>
      </c>
      <c r="AG30" s="450">
        <v>99.9</v>
      </c>
      <c r="AH30" s="450">
        <v>-4.5999999999999996</v>
      </c>
      <c r="AI30" s="450">
        <v>103.9</v>
      </c>
      <c r="AJ30" s="450">
        <v>-1.3</v>
      </c>
      <c r="AK30" s="422"/>
    </row>
    <row r="31" spans="1:37" s="454" customFormat="1" ht="14.25" customHeight="1" x14ac:dyDescent="0.15">
      <c r="A31" s="615"/>
      <c r="B31" s="479"/>
      <c r="C31" s="448" t="s">
        <v>226</v>
      </c>
      <c r="D31" s="449" t="s">
        <v>228</v>
      </c>
      <c r="E31" s="452">
        <v>100</v>
      </c>
      <c r="F31" s="453">
        <v>-1.9</v>
      </c>
      <c r="G31" s="452">
        <v>100</v>
      </c>
      <c r="H31" s="452">
        <v>-4.5</v>
      </c>
      <c r="I31" s="452">
        <v>100</v>
      </c>
      <c r="J31" s="452">
        <v>-1</v>
      </c>
      <c r="K31" s="452">
        <v>100</v>
      </c>
      <c r="L31" s="452">
        <v>1.8</v>
      </c>
      <c r="M31" s="452">
        <v>100</v>
      </c>
      <c r="N31" s="452">
        <v>-1</v>
      </c>
      <c r="O31" s="452">
        <v>100</v>
      </c>
      <c r="P31" s="452">
        <v>2.4</v>
      </c>
      <c r="Q31" s="452">
        <v>100</v>
      </c>
      <c r="R31" s="452">
        <v>-2</v>
      </c>
      <c r="S31" s="452">
        <v>100</v>
      </c>
      <c r="T31" s="452">
        <v>-2.6</v>
      </c>
      <c r="U31" s="452">
        <v>100</v>
      </c>
      <c r="V31" s="452">
        <v>-3.6</v>
      </c>
      <c r="W31" s="452">
        <v>100</v>
      </c>
      <c r="X31" s="452">
        <v>0.5</v>
      </c>
      <c r="Y31" s="452">
        <v>100</v>
      </c>
      <c r="Z31" s="452">
        <v>-5.9</v>
      </c>
      <c r="AA31" s="452">
        <v>100</v>
      </c>
      <c r="AB31" s="452">
        <v>-10</v>
      </c>
      <c r="AC31" s="452">
        <v>100</v>
      </c>
      <c r="AD31" s="452">
        <v>3.7</v>
      </c>
      <c r="AE31" s="452">
        <v>100</v>
      </c>
      <c r="AF31" s="452">
        <v>-3.8</v>
      </c>
      <c r="AG31" s="452">
        <v>100</v>
      </c>
      <c r="AH31" s="452">
        <v>0.1</v>
      </c>
      <c r="AI31" s="452">
        <v>100</v>
      </c>
      <c r="AJ31" s="452">
        <v>-3.7</v>
      </c>
      <c r="AK31" s="196"/>
    </row>
    <row r="32" spans="1:37" s="424" customFormat="1" ht="14.25" customHeight="1" x14ac:dyDescent="0.15">
      <c r="A32" s="615"/>
      <c r="B32" s="472"/>
      <c r="C32" s="448" t="s">
        <v>226</v>
      </c>
      <c r="D32" s="449" t="s">
        <v>229</v>
      </c>
      <c r="E32" s="450">
        <v>100.7</v>
      </c>
      <c r="F32" s="451">
        <v>0.7</v>
      </c>
      <c r="G32" s="450">
        <v>107.8</v>
      </c>
      <c r="H32" s="450">
        <v>7.7</v>
      </c>
      <c r="I32" s="450">
        <v>101.3</v>
      </c>
      <c r="J32" s="450">
        <v>1.2</v>
      </c>
      <c r="K32" s="450">
        <v>102</v>
      </c>
      <c r="L32" s="450">
        <v>2</v>
      </c>
      <c r="M32" s="450">
        <v>102.6</v>
      </c>
      <c r="N32" s="450">
        <v>2.5</v>
      </c>
      <c r="O32" s="450">
        <v>98.4</v>
      </c>
      <c r="P32" s="450">
        <v>-1.6</v>
      </c>
      <c r="Q32" s="450">
        <v>98.5</v>
      </c>
      <c r="R32" s="450">
        <v>-1.6</v>
      </c>
      <c r="S32" s="450">
        <v>101.6</v>
      </c>
      <c r="T32" s="450">
        <v>1.6</v>
      </c>
      <c r="U32" s="450">
        <v>106.8</v>
      </c>
      <c r="V32" s="450">
        <v>6.7</v>
      </c>
      <c r="W32" s="450">
        <v>101.5</v>
      </c>
      <c r="X32" s="450">
        <v>1.4</v>
      </c>
      <c r="Y32" s="450">
        <v>104.2</v>
      </c>
      <c r="Z32" s="450">
        <v>4.2</v>
      </c>
      <c r="AA32" s="450">
        <v>102.5</v>
      </c>
      <c r="AB32" s="450">
        <v>2.5</v>
      </c>
      <c r="AC32" s="450">
        <v>107.9</v>
      </c>
      <c r="AD32" s="450">
        <v>7.8</v>
      </c>
      <c r="AE32" s="450">
        <v>98.1</v>
      </c>
      <c r="AF32" s="450">
        <v>-1.9</v>
      </c>
      <c r="AG32" s="450">
        <v>98.7</v>
      </c>
      <c r="AH32" s="450">
        <v>-1.4</v>
      </c>
      <c r="AI32" s="450">
        <v>99.6</v>
      </c>
      <c r="AJ32" s="450">
        <v>-0.4</v>
      </c>
      <c r="AK32" s="422"/>
    </row>
    <row r="33" spans="1:37" s="454" customFormat="1" ht="14.25" customHeight="1" x14ac:dyDescent="0.15">
      <c r="A33" s="615"/>
      <c r="B33" s="479"/>
      <c r="C33" s="448" t="s">
        <v>226</v>
      </c>
      <c r="D33" s="449" t="s">
        <v>230</v>
      </c>
      <c r="E33" s="452">
        <v>101.1</v>
      </c>
      <c r="F33" s="453">
        <v>0.4</v>
      </c>
      <c r="G33" s="452">
        <v>105.8</v>
      </c>
      <c r="H33" s="452">
        <v>-1.9</v>
      </c>
      <c r="I33" s="452">
        <v>101.6</v>
      </c>
      <c r="J33" s="452">
        <v>0.3</v>
      </c>
      <c r="K33" s="452">
        <v>103.6</v>
      </c>
      <c r="L33" s="452">
        <v>1.6</v>
      </c>
      <c r="M33" s="452">
        <v>102.5</v>
      </c>
      <c r="N33" s="452">
        <v>-0.1</v>
      </c>
      <c r="O33" s="452">
        <v>101.1</v>
      </c>
      <c r="P33" s="452">
        <v>2.7</v>
      </c>
      <c r="Q33" s="452">
        <v>100.4</v>
      </c>
      <c r="R33" s="452">
        <v>1.9</v>
      </c>
      <c r="S33" s="452">
        <v>99.4</v>
      </c>
      <c r="T33" s="452">
        <v>-2.2000000000000002</v>
      </c>
      <c r="U33" s="452">
        <v>105</v>
      </c>
      <c r="V33" s="452">
        <v>-1.7</v>
      </c>
      <c r="W33" s="452">
        <v>101.4</v>
      </c>
      <c r="X33" s="452">
        <v>-0.1</v>
      </c>
      <c r="Y33" s="452">
        <v>117.4</v>
      </c>
      <c r="Z33" s="452">
        <v>12.7</v>
      </c>
      <c r="AA33" s="452">
        <v>106.2</v>
      </c>
      <c r="AB33" s="452">
        <v>3.6</v>
      </c>
      <c r="AC33" s="452">
        <v>92.7</v>
      </c>
      <c r="AD33" s="452">
        <v>-14.1</v>
      </c>
      <c r="AE33" s="452">
        <v>104.6</v>
      </c>
      <c r="AF33" s="452">
        <v>6.6</v>
      </c>
      <c r="AG33" s="466">
        <v>98.4</v>
      </c>
      <c r="AH33" s="466">
        <v>-0.3</v>
      </c>
      <c r="AI33" s="452">
        <v>95.5</v>
      </c>
      <c r="AJ33" s="452">
        <v>-4.0999999999999996</v>
      </c>
      <c r="AK33" s="196"/>
    </row>
    <row r="34" spans="1:37" s="424" customFormat="1" ht="14.25" customHeight="1" x14ac:dyDescent="0.15">
      <c r="A34" s="615"/>
      <c r="B34" s="472"/>
      <c r="C34" s="448"/>
      <c r="D34" s="449"/>
      <c r="E34" s="452"/>
      <c r="F34" s="453"/>
      <c r="G34" s="452"/>
      <c r="H34" s="452"/>
      <c r="I34" s="452"/>
      <c r="J34" s="452"/>
      <c r="K34" s="452"/>
      <c r="L34" s="452"/>
      <c r="M34" s="452"/>
      <c r="N34" s="452"/>
      <c r="O34" s="452"/>
      <c r="P34" s="452"/>
      <c r="Q34" s="452"/>
      <c r="R34" s="452"/>
      <c r="S34" s="452"/>
      <c r="T34" s="452"/>
      <c r="U34" s="452"/>
      <c r="V34" s="452"/>
      <c r="W34" s="452"/>
      <c r="X34" s="452"/>
      <c r="Y34" s="452"/>
      <c r="Z34" s="452"/>
      <c r="AA34" s="452"/>
      <c r="AB34" s="452"/>
      <c r="AC34" s="452"/>
      <c r="AD34" s="452"/>
      <c r="AE34" s="452"/>
      <c r="AF34" s="452"/>
      <c r="AG34" s="466"/>
      <c r="AH34" s="466"/>
      <c r="AI34" s="452"/>
      <c r="AJ34" s="452"/>
      <c r="AK34" s="422"/>
    </row>
    <row r="35" spans="1:37" s="424" customFormat="1" ht="15" customHeight="1" x14ac:dyDescent="0.15">
      <c r="A35" s="615"/>
      <c r="B35" s="682" t="s">
        <v>47</v>
      </c>
      <c r="C35" s="448" t="s">
        <v>207</v>
      </c>
      <c r="D35" s="455" t="s">
        <v>231</v>
      </c>
      <c r="E35" s="450">
        <v>106.9</v>
      </c>
      <c r="F35" s="451">
        <v>2.1</v>
      </c>
      <c r="G35" s="450">
        <v>102.7</v>
      </c>
      <c r="H35" s="450">
        <v>-2</v>
      </c>
      <c r="I35" s="450">
        <v>107.5</v>
      </c>
      <c r="J35" s="450">
        <v>2.5</v>
      </c>
      <c r="K35" s="450">
        <v>113.5</v>
      </c>
      <c r="L35" s="450">
        <v>3.3</v>
      </c>
      <c r="M35" s="450">
        <v>107.3</v>
      </c>
      <c r="N35" s="450">
        <v>2.8</v>
      </c>
      <c r="O35" s="450">
        <v>104.9</v>
      </c>
      <c r="P35" s="450">
        <v>5</v>
      </c>
      <c r="Q35" s="450">
        <v>103.7</v>
      </c>
      <c r="R35" s="450">
        <v>4.5</v>
      </c>
      <c r="S35" s="450">
        <v>106.4</v>
      </c>
      <c r="T35" s="450">
        <v>-2.9</v>
      </c>
      <c r="U35" s="450">
        <v>105.3</v>
      </c>
      <c r="V35" s="450">
        <v>-3</v>
      </c>
      <c r="W35" s="450">
        <v>108</v>
      </c>
      <c r="X35" s="450">
        <v>2</v>
      </c>
      <c r="Y35" s="450">
        <v>122.2</v>
      </c>
      <c r="Z35" s="450">
        <v>22.3</v>
      </c>
      <c r="AA35" s="450">
        <v>106.6</v>
      </c>
      <c r="AB35" s="450">
        <v>1.9</v>
      </c>
      <c r="AC35" s="450">
        <v>105.3</v>
      </c>
      <c r="AD35" s="450">
        <v>-11</v>
      </c>
      <c r="AE35" s="450">
        <v>116.2</v>
      </c>
      <c r="AF35" s="450">
        <v>9.9</v>
      </c>
      <c r="AG35" s="465">
        <v>103.3</v>
      </c>
      <c r="AH35" s="465">
        <v>-1</v>
      </c>
      <c r="AI35" s="450">
        <v>98.6</v>
      </c>
      <c r="AJ35" s="450">
        <v>-6.6</v>
      </c>
      <c r="AK35" s="422"/>
    </row>
    <row r="36" spans="1:37" s="454" customFormat="1" ht="15" customHeight="1" x14ac:dyDescent="0.15">
      <c r="A36" s="615"/>
      <c r="B36" s="682"/>
      <c r="C36" s="456" t="s">
        <v>0</v>
      </c>
      <c r="D36" s="455" t="s">
        <v>232</v>
      </c>
      <c r="E36" s="452">
        <v>104.3</v>
      </c>
      <c r="F36" s="453">
        <v>0.3</v>
      </c>
      <c r="G36" s="452">
        <v>115.5</v>
      </c>
      <c r="H36" s="452">
        <v>-1.1000000000000001</v>
      </c>
      <c r="I36" s="452">
        <v>105.2</v>
      </c>
      <c r="J36" s="452">
        <v>-1.2</v>
      </c>
      <c r="K36" s="452">
        <v>102.8</v>
      </c>
      <c r="L36" s="452">
        <v>2.1</v>
      </c>
      <c r="M36" s="452">
        <v>108.4</v>
      </c>
      <c r="N36" s="452">
        <v>-0.5</v>
      </c>
      <c r="O36" s="452">
        <v>101.3</v>
      </c>
      <c r="P36" s="452">
        <v>1.1000000000000001</v>
      </c>
      <c r="Q36" s="452">
        <v>102.7</v>
      </c>
      <c r="R36" s="452">
        <v>0.9</v>
      </c>
      <c r="S36" s="452">
        <v>100.9</v>
      </c>
      <c r="T36" s="452">
        <v>-2</v>
      </c>
      <c r="U36" s="452">
        <v>109.6</v>
      </c>
      <c r="V36" s="452">
        <v>-2.6</v>
      </c>
      <c r="W36" s="452">
        <v>105.8</v>
      </c>
      <c r="X36" s="452">
        <v>-1.1000000000000001</v>
      </c>
      <c r="Y36" s="452">
        <v>117.1</v>
      </c>
      <c r="Z36" s="452">
        <v>12.5</v>
      </c>
      <c r="AA36" s="452">
        <v>107.7</v>
      </c>
      <c r="AB36" s="452">
        <v>2.7</v>
      </c>
      <c r="AC36" s="452">
        <v>94.3</v>
      </c>
      <c r="AD36" s="452">
        <v>-8.8000000000000007</v>
      </c>
      <c r="AE36" s="452">
        <v>110.9</v>
      </c>
      <c r="AF36" s="452">
        <v>9.4</v>
      </c>
      <c r="AG36" s="466">
        <v>100.1</v>
      </c>
      <c r="AH36" s="466">
        <v>0.2</v>
      </c>
      <c r="AI36" s="452">
        <v>97.1</v>
      </c>
      <c r="AJ36" s="452">
        <v>-4.5999999999999996</v>
      </c>
      <c r="AK36" s="196"/>
    </row>
    <row r="37" spans="1:37" s="424" customFormat="1" ht="15" customHeight="1" x14ac:dyDescent="0.15">
      <c r="A37" s="615"/>
      <c r="B37" s="682"/>
      <c r="C37" s="456" t="s">
        <v>0</v>
      </c>
      <c r="D37" s="455" t="s">
        <v>233</v>
      </c>
      <c r="E37" s="450">
        <v>97.5</v>
      </c>
      <c r="F37" s="451">
        <v>2.2999999999999998</v>
      </c>
      <c r="G37" s="450">
        <v>102.1</v>
      </c>
      <c r="H37" s="450">
        <v>-3</v>
      </c>
      <c r="I37" s="450">
        <v>94.2</v>
      </c>
      <c r="J37" s="450">
        <v>1.6</v>
      </c>
      <c r="K37" s="450">
        <v>109.2</v>
      </c>
      <c r="L37" s="450">
        <v>2.1</v>
      </c>
      <c r="M37" s="450">
        <v>99.8</v>
      </c>
      <c r="N37" s="450">
        <v>0.9</v>
      </c>
      <c r="O37" s="450">
        <v>99.1</v>
      </c>
      <c r="P37" s="450">
        <v>3.4</v>
      </c>
      <c r="Q37" s="450">
        <v>100.6</v>
      </c>
      <c r="R37" s="450">
        <v>2.2999999999999998</v>
      </c>
      <c r="S37" s="450">
        <v>96.2</v>
      </c>
      <c r="T37" s="450">
        <v>0</v>
      </c>
      <c r="U37" s="450">
        <v>105.5</v>
      </c>
      <c r="V37" s="450">
        <v>0.3</v>
      </c>
      <c r="W37" s="450">
        <v>95.9</v>
      </c>
      <c r="X37" s="450">
        <v>2.5</v>
      </c>
      <c r="Y37" s="450">
        <v>121.8</v>
      </c>
      <c r="Z37" s="450">
        <v>18.399999999999999</v>
      </c>
      <c r="AA37" s="450">
        <v>108.8</v>
      </c>
      <c r="AB37" s="450">
        <v>4.8</v>
      </c>
      <c r="AC37" s="450">
        <v>67.3</v>
      </c>
      <c r="AD37" s="450">
        <v>-19.100000000000001</v>
      </c>
      <c r="AE37" s="450">
        <v>106.5</v>
      </c>
      <c r="AF37" s="450">
        <v>10.4</v>
      </c>
      <c r="AG37" s="465">
        <v>100</v>
      </c>
      <c r="AH37" s="465">
        <v>6.6</v>
      </c>
      <c r="AI37" s="450">
        <v>92.8</v>
      </c>
      <c r="AJ37" s="450">
        <v>-2.2000000000000002</v>
      </c>
      <c r="AK37" s="422"/>
    </row>
    <row r="38" spans="1:37" s="454" customFormat="1" ht="15" customHeight="1" x14ac:dyDescent="0.15">
      <c r="A38" s="615"/>
      <c r="B38" s="682"/>
      <c r="C38" s="456" t="s">
        <v>0</v>
      </c>
      <c r="D38" s="455" t="s">
        <v>234</v>
      </c>
      <c r="E38" s="452">
        <v>101.9</v>
      </c>
      <c r="F38" s="453">
        <v>1.3</v>
      </c>
      <c r="G38" s="452">
        <v>102.6</v>
      </c>
      <c r="H38" s="452">
        <v>0.3</v>
      </c>
      <c r="I38" s="452">
        <v>102.1</v>
      </c>
      <c r="J38" s="452">
        <v>0.2</v>
      </c>
      <c r="K38" s="452">
        <v>102.3</v>
      </c>
      <c r="L38" s="452">
        <v>1.6</v>
      </c>
      <c r="M38" s="452">
        <v>103.2</v>
      </c>
      <c r="N38" s="452">
        <v>6.9</v>
      </c>
      <c r="O38" s="452">
        <v>102.1</v>
      </c>
      <c r="P38" s="452">
        <v>4.7</v>
      </c>
      <c r="Q38" s="452">
        <v>100</v>
      </c>
      <c r="R38" s="452">
        <v>4</v>
      </c>
      <c r="S38" s="452">
        <v>99.1</v>
      </c>
      <c r="T38" s="452">
        <v>0.4</v>
      </c>
      <c r="U38" s="452">
        <v>107.4</v>
      </c>
      <c r="V38" s="452">
        <v>1.6</v>
      </c>
      <c r="W38" s="452">
        <v>101.4</v>
      </c>
      <c r="X38" s="452">
        <v>0</v>
      </c>
      <c r="Y38" s="452">
        <v>116.1</v>
      </c>
      <c r="Z38" s="452">
        <v>11.6</v>
      </c>
      <c r="AA38" s="452">
        <v>107.5</v>
      </c>
      <c r="AB38" s="452">
        <v>5.4</v>
      </c>
      <c r="AC38" s="452">
        <v>99.8</v>
      </c>
      <c r="AD38" s="452">
        <v>-10.3</v>
      </c>
      <c r="AE38" s="452">
        <v>105.1</v>
      </c>
      <c r="AF38" s="452">
        <v>4.5999999999999996</v>
      </c>
      <c r="AG38" s="466">
        <v>98.4</v>
      </c>
      <c r="AH38" s="466">
        <v>4.9000000000000004</v>
      </c>
      <c r="AI38" s="452">
        <v>97.4</v>
      </c>
      <c r="AJ38" s="452">
        <v>-1.4</v>
      </c>
      <c r="AK38" s="196"/>
    </row>
    <row r="39" spans="1:37" s="424" customFormat="1" ht="15" customHeight="1" x14ac:dyDescent="0.15">
      <c r="A39" s="615"/>
      <c r="B39" s="682"/>
      <c r="C39" s="456" t="s">
        <v>0</v>
      </c>
      <c r="D39" s="455" t="s">
        <v>235</v>
      </c>
      <c r="E39" s="450">
        <v>101.1</v>
      </c>
      <c r="F39" s="451">
        <v>-1</v>
      </c>
      <c r="G39" s="450">
        <v>107.5</v>
      </c>
      <c r="H39" s="450">
        <v>-5.5</v>
      </c>
      <c r="I39" s="450">
        <v>102.4</v>
      </c>
      <c r="J39" s="450">
        <v>-0.6</v>
      </c>
      <c r="K39" s="450">
        <v>103.6</v>
      </c>
      <c r="L39" s="450">
        <v>0.4</v>
      </c>
      <c r="M39" s="450">
        <v>102.9</v>
      </c>
      <c r="N39" s="450">
        <v>0.3</v>
      </c>
      <c r="O39" s="450">
        <v>101.2</v>
      </c>
      <c r="P39" s="450">
        <v>2.1</v>
      </c>
      <c r="Q39" s="450">
        <v>101.3</v>
      </c>
      <c r="R39" s="450">
        <v>1.4</v>
      </c>
      <c r="S39" s="450">
        <v>99.9</v>
      </c>
      <c r="T39" s="450">
        <v>-2.9</v>
      </c>
      <c r="U39" s="450">
        <v>103.6</v>
      </c>
      <c r="V39" s="450">
        <v>1.3</v>
      </c>
      <c r="W39" s="450">
        <v>103.4</v>
      </c>
      <c r="X39" s="450">
        <v>-2.4</v>
      </c>
      <c r="Y39" s="450">
        <v>109.1</v>
      </c>
      <c r="Z39" s="450">
        <v>0.6</v>
      </c>
      <c r="AA39" s="450">
        <v>106</v>
      </c>
      <c r="AB39" s="450">
        <v>1.9</v>
      </c>
      <c r="AC39" s="450">
        <v>97.9</v>
      </c>
      <c r="AD39" s="450">
        <v>-17</v>
      </c>
      <c r="AE39" s="450">
        <v>102.7</v>
      </c>
      <c r="AF39" s="450">
        <v>10.199999999999999</v>
      </c>
      <c r="AG39" s="465">
        <v>96.8</v>
      </c>
      <c r="AH39" s="465">
        <v>-5.8</v>
      </c>
      <c r="AI39" s="450">
        <v>94.9</v>
      </c>
      <c r="AJ39" s="450">
        <v>-6.6</v>
      </c>
      <c r="AK39" s="422"/>
    </row>
    <row r="40" spans="1:37" s="454" customFormat="1" ht="15" customHeight="1" x14ac:dyDescent="0.15">
      <c r="A40" s="615"/>
      <c r="B40" s="23">
        <v>30</v>
      </c>
      <c r="C40" s="456" t="s">
        <v>0</v>
      </c>
      <c r="D40" s="455" t="s">
        <v>236</v>
      </c>
      <c r="E40" s="452">
        <v>102.7</v>
      </c>
      <c r="F40" s="453">
        <v>0</v>
      </c>
      <c r="G40" s="452">
        <v>111.3</v>
      </c>
      <c r="H40" s="452">
        <v>-3.9</v>
      </c>
      <c r="I40" s="452">
        <v>105.3</v>
      </c>
      <c r="J40" s="452">
        <v>-0.2</v>
      </c>
      <c r="K40" s="452">
        <v>102.5</v>
      </c>
      <c r="L40" s="452">
        <v>0.4</v>
      </c>
      <c r="M40" s="452">
        <v>103.4</v>
      </c>
      <c r="N40" s="452">
        <v>-1.5</v>
      </c>
      <c r="O40" s="452">
        <v>103.4</v>
      </c>
      <c r="P40" s="452">
        <v>4</v>
      </c>
      <c r="Q40" s="452">
        <v>102.7</v>
      </c>
      <c r="R40" s="452">
        <v>4.2</v>
      </c>
      <c r="S40" s="452">
        <v>99.6</v>
      </c>
      <c r="T40" s="452">
        <v>-2.2999999999999998</v>
      </c>
      <c r="U40" s="452">
        <v>108.1</v>
      </c>
      <c r="V40" s="452">
        <v>1</v>
      </c>
      <c r="W40" s="452">
        <v>104.1</v>
      </c>
      <c r="X40" s="452">
        <v>-1.5</v>
      </c>
      <c r="Y40" s="452">
        <v>106.6</v>
      </c>
      <c r="Z40" s="452">
        <v>-1.8</v>
      </c>
      <c r="AA40" s="452">
        <v>111.5</v>
      </c>
      <c r="AB40" s="452">
        <v>3.3</v>
      </c>
      <c r="AC40" s="452">
        <v>97.6</v>
      </c>
      <c r="AD40" s="452">
        <v>-12.5</v>
      </c>
      <c r="AE40" s="452">
        <v>102.7</v>
      </c>
      <c r="AF40" s="452">
        <v>6.5</v>
      </c>
      <c r="AG40" s="466">
        <v>96.7</v>
      </c>
      <c r="AH40" s="466">
        <v>-0.6</v>
      </c>
      <c r="AI40" s="452">
        <v>97</v>
      </c>
      <c r="AJ40" s="452">
        <v>-4.0999999999999996</v>
      </c>
      <c r="AK40" s="196"/>
    </row>
    <row r="41" spans="1:37" s="424" customFormat="1" ht="15" customHeight="1" x14ac:dyDescent="0.15">
      <c r="A41" s="615"/>
      <c r="B41" s="683" t="s">
        <v>208</v>
      </c>
      <c r="C41" s="456" t="s">
        <v>0</v>
      </c>
      <c r="D41" s="455" t="s">
        <v>237</v>
      </c>
      <c r="E41" s="450">
        <v>101.7</v>
      </c>
      <c r="F41" s="451">
        <v>0.3</v>
      </c>
      <c r="G41" s="450">
        <v>110.4</v>
      </c>
      <c r="H41" s="450">
        <v>2.6</v>
      </c>
      <c r="I41" s="450">
        <v>104</v>
      </c>
      <c r="J41" s="450">
        <v>0.3</v>
      </c>
      <c r="K41" s="450">
        <v>101.3</v>
      </c>
      <c r="L41" s="450">
        <v>3.2</v>
      </c>
      <c r="M41" s="450">
        <v>101.7</v>
      </c>
      <c r="N41" s="450">
        <v>-1.2</v>
      </c>
      <c r="O41" s="450">
        <v>103.7</v>
      </c>
      <c r="P41" s="450">
        <v>-0.7</v>
      </c>
      <c r="Q41" s="450">
        <v>101</v>
      </c>
      <c r="R41" s="450">
        <v>3.4</v>
      </c>
      <c r="S41" s="450">
        <v>104</v>
      </c>
      <c r="T41" s="450">
        <v>-2</v>
      </c>
      <c r="U41" s="450">
        <v>107.6</v>
      </c>
      <c r="V41" s="450">
        <v>2.1</v>
      </c>
      <c r="W41" s="450">
        <v>99.3</v>
      </c>
      <c r="X41" s="450">
        <v>-1.3</v>
      </c>
      <c r="Y41" s="450">
        <v>122.8</v>
      </c>
      <c r="Z41" s="450">
        <v>9.3000000000000007</v>
      </c>
      <c r="AA41" s="450">
        <v>107.7</v>
      </c>
      <c r="AB41" s="450">
        <v>2.6</v>
      </c>
      <c r="AC41" s="450">
        <v>90.8</v>
      </c>
      <c r="AD41" s="450">
        <v>-13.6</v>
      </c>
      <c r="AE41" s="450">
        <v>101.1</v>
      </c>
      <c r="AF41" s="450">
        <v>7.4</v>
      </c>
      <c r="AG41" s="465">
        <v>105</v>
      </c>
      <c r="AH41" s="465">
        <v>-3.5</v>
      </c>
      <c r="AI41" s="450">
        <v>97.4</v>
      </c>
      <c r="AJ41" s="450">
        <v>-4</v>
      </c>
      <c r="AK41" s="422"/>
    </row>
    <row r="42" spans="1:37" s="454" customFormat="1" ht="15" customHeight="1" x14ac:dyDescent="0.15">
      <c r="A42" s="615"/>
      <c r="B42" s="683"/>
      <c r="C42" s="456" t="s">
        <v>238</v>
      </c>
      <c r="D42" s="455" t="s">
        <v>239</v>
      </c>
      <c r="E42" s="452">
        <v>95.7</v>
      </c>
      <c r="F42" s="453">
        <v>-0.9</v>
      </c>
      <c r="G42" s="452">
        <v>98.6</v>
      </c>
      <c r="H42" s="452">
        <v>4.0999999999999996</v>
      </c>
      <c r="I42" s="452">
        <v>94.4</v>
      </c>
      <c r="J42" s="452">
        <v>0.2</v>
      </c>
      <c r="K42" s="452">
        <v>95.8</v>
      </c>
      <c r="L42" s="452">
        <v>0.7</v>
      </c>
      <c r="M42" s="452">
        <v>100.1</v>
      </c>
      <c r="N42" s="452">
        <v>1.4</v>
      </c>
      <c r="O42" s="452">
        <v>96.7</v>
      </c>
      <c r="P42" s="452">
        <v>-1.4</v>
      </c>
      <c r="Q42" s="452">
        <v>98.5</v>
      </c>
      <c r="R42" s="452">
        <v>1.9</v>
      </c>
      <c r="S42" s="452">
        <v>90.1</v>
      </c>
      <c r="T42" s="452">
        <v>-6.8</v>
      </c>
      <c r="U42" s="452">
        <v>96.4</v>
      </c>
      <c r="V42" s="452">
        <v>-5</v>
      </c>
      <c r="W42" s="452">
        <v>93</v>
      </c>
      <c r="X42" s="452">
        <v>-2.6</v>
      </c>
      <c r="Y42" s="452">
        <v>128.69999999999999</v>
      </c>
      <c r="Z42" s="452">
        <v>7.9</v>
      </c>
      <c r="AA42" s="452">
        <v>98.4</v>
      </c>
      <c r="AB42" s="452">
        <v>-6.5</v>
      </c>
      <c r="AC42" s="452">
        <v>79.8</v>
      </c>
      <c r="AD42" s="452">
        <v>-9.1</v>
      </c>
      <c r="AE42" s="452">
        <v>97.3</v>
      </c>
      <c r="AF42" s="452">
        <v>-5</v>
      </c>
      <c r="AG42" s="466">
        <v>94.1</v>
      </c>
      <c r="AH42" s="466">
        <v>-2.5</v>
      </c>
      <c r="AI42" s="452">
        <v>91.1</v>
      </c>
      <c r="AJ42" s="452">
        <v>1.4</v>
      </c>
      <c r="AK42" s="196"/>
    </row>
    <row r="43" spans="1:37" s="424" customFormat="1" ht="15" customHeight="1" x14ac:dyDescent="0.15">
      <c r="A43" s="615"/>
      <c r="B43" s="683"/>
      <c r="C43" s="456" t="s">
        <v>0</v>
      </c>
      <c r="D43" s="455" t="s">
        <v>240</v>
      </c>
      <c r="E43" s="450">
        <v>98.6</v>
      </c>
      <c r="F43" s="451">
        <v>1.5</v>
      </c>
      <c r="G43" s="450">
        <v>109.8</v>
      </c>
      <c r="H43" s="450">
        <v>1.3</v>
      </c>
      <c r="I43" s="450">
        <v>101.7</v>
      </c>
      <c r="J43" s="450">
        <v>2.7</v>
      </c>
      <c r="K43" s="450">
        <v>96.5</v>
      </c>
      <c r="L43" s="450">
        <v>4.7</v>
      </c>
      <c r="M43" s="450">
        <v>99.5</v>
      </c>
      <c r="N43" s="450">
        <v>5.0999999999999996</v>
      </c>
      <c r="O43" s="450">
        <v>96.6</v>
      </c>
      <c r="P43" s="450">
        <v>0.9</v>
      </c>
      <c r="Q43" s="450">
        <v>101.2</v>
      </c>
      <c r="R43" s="450">
        <v>3.7</v>
      </c>
      <c r="S43" s="450">
        <v>89.4</v>
      </c>
      <c r="T43" s="450">
        <v>0.4</v>
      </c>
      <c r="U43" s="450">
        <v>99.3</v>
      </c>
      <c r="V43" s="450">
        <v>1.5</v>
      </c>
      <c r="W43" s="450">
        <v>97.3</v>
      </c>
      <c r="X43" s="450">
        <v>0.8</v>
      </c>
      <c r="Y43" s="450">
        <v>110.4</v>
      </c>
      <c r="Z43" s="450">
        <v>-1</v>
      </c>
      <c r="AA43" s="450">
        <v>90.2</v>
      </c>
      <c r="AB43" s="450">
        <v>-9.8000000000000007</v>
      </c>
      <c r="AC43" s="450">
        <v>89.5</v>
      </c>
      <c r="AD43" s="450">
        <v>2.4</v>
      </c>
      <c r="AE43" s="450">
        <v>99.5</v>
      </c>
      <c r="AF43" s="450">
        <v>-1.5</v>
      </c>
      <c r="AG43" s="465">
        <v>90.5</v>
      </c>
      <c r="AH43" s="465">
        <v>2.8</v>
      </c>
      <c r="AI43" s="450">
        <v>94.1</v>
      </c>
      <c r="AJ43" s="450">
        <v>1.2</v>
      </c>
      <c r="AK43" s="422"/>
    </row>
    <row r="44" spans="1:37" s="454" customFormat="1" ht="15" customHeight="1" x14ac:dyDescent="0.15">
      <c r="A44" s="615"/>
      <c r="B44" s="479"/>
      <c r="C44" s="456" t="s">
        <v>0</v>
      </c>
      <c r="D44" s="455" t="s">
        <v>241</v>
      </c>
      <c r="E44" s="452">
        <v>101.8</v>
      </c>
      <c r="F44" s="453">
        <v>0.2</v>
      </c>
      <c r="G44" s="452">
        <v>106.1</v>
      </c>
      <c r="H44" s="452">
        <v>3.2</v>
      </c>
      <c r="I44" s="452">
        <v>106</v>
      </c>
      <c r="J44" s="452">
        <v>1.8</v>
      </c>
      <c r="K44" s="452">
        <v>104.8</v>
      </c>
      <c r="L44" s="452">
        <v>-8.9</v>
      </c>
      <c r="M44" s="452">
        <v>105.5</v>
      </c>
      <c r="N44" s="452">
        <v>1.9</v>
      </c>
      <c r="O44" s="452">
        <v>97.3</v>
      </c>
      <c r="P44" s="452">
        <v>-3.5</v>
      </c>
      <c r="Q44" s="452">
        <v>99</v>
      </c>
      <c r="R44" s="452">
        <v>3.6</v>
      </c>
      <c r="S44" s="452">
        <v>100.5</v>
      </c>
      <c r="T44" s="452">
        <v>-1.8</v>
      </c>
      <c r="U44" s="452">
        <v>103.8</v>
      </c>
      <c r="V44" s="452">
        <v>5.0999999999999996</v>
      </c>
      <c r="W44" s="452">
        <v>106.9</v>
      </c>
      <c r="X44" s="452">
        <v>1.7</v>
      </c>
      <c r="Y44" s="452">
        <v>119.2</v>
      </c>
      <c r="Z44" s="452">
        <v>2.7</v>
      </c>
      <c r="AA44" s="452">
        <v>99.7</v>
      </c>
      <c r="AB44" s="452">
        <v>-2.1</v>
      </c>
      <c r="AC44" s="452">
        <v>93.3</v>
      </c>
      <c r="AD44" s="452">
        <v>0.4</v>
      </c>
      <c r="AE44" s="452">
        <v>102</v>
      </c>
      <c r="AF44" s="452">
        <v>-2.5</v>
      </c>
      <c r="AG44" s="466">
        <v>103.9</v>
      </c>
      <c r="AH44" s="466">
        <v>3.7</v>
      </c>
      <c r="AI44" s="452">
        <v>97.8</v>
      </c>
      <c r="AJ44" s="452">
        <v>-2.9</v>
      </c>
      <c r="AK44" s="196"/>
    </row>
    <row r="45" spans="1:37" s="424" customFormat="1" ht="15" customHeight="1" x14ac:dyDescent="0.15">
      <c r="A45" s="615"/>
      <c r="B45" s="472"/>
      <c r="C45" s="456" t="s">
        <v>0</v>
      </c>
      <c r="D45" s="455" t="s">
        <v>242</v>
      </c>
      <c r="E45" s="450">
        <v>104.3</v>
      </c>
      <c r="F45" s="451">
        <v>-1.2</v>
      </c>
      <c r="G45" s="450">
        <v>114.6</v>
      </c>
      <c r="H45" s="450">
        <v>4.5999999999999996</v>
      </c>
      <c r="I45" s="450">
        <v>105.5</v>
      </c>
      <c r="J45" s="450">
        <v>-1.1000000000000001</v>
      </c>
      <c r="K45" s="450">
        <v>103.6</v>
      </c>
      <c r="L45" s="450">
        <v>-1.4</v>
      </c>
      <c r="M45" s="450">
        <v>107.5</v>
      </c>
      <c r="N45" s="450">
        <v>-0.8</v>
      </c>
      <c r="O45" s="450">
        <v>101.6</v>
      </c>
      <c r="P45" s="450">
        <v>-3.2</v>
      </c>
      <c r="Q45" s="450">
        <v>105.6</v>
      </c>
      <c r="R45" s="450">
        <v>1.8</v>
      </c>
      <c r="S45" s="450">
        <v>92.8</v>
      </c>
      <c r="T45" s="450">
        <v>-9</v>
      </c>
      <c r="U45" s="450">
        <v>108.1</v>
      </c>
      <c r="V45" s="450">
        <v>-3</v>
      </c>
      <c r="W45" s="450">
        <v>105.1</v>
      </c>
      <c r="X45" s="450">
        <v>-1.2</v>
      </c>
      <c r="Y45" s="450">
        <v>129</v>
      </c>
      <c r="Z45" s="450">
        <v>5</v>
      </c>
      <c r="AA45" s="450">
        <v>116.1</v>
      </c>
      <c r="AB45" s="450">
        <v>10.8</v>
      </c>
      <c r="AC45" s="450">
        <v>94</v>
      </c>
      <c r="AD45" s="450">
        <v>-4.5999999999999996</v>
      </c>
      <c r="AE45" s="450">
        <v>105.2</v>
      </c>
      <c r="AF45" s="450">
        <v>-4.9000000000000004</v>
      </c>
      <c r="AG45" s="465">
        <v>97</v>
      </c>
      <c r="AH45" s="465">
        <v>-2.4</v>
      </c>
      <c r="AI45" s="450">
        <v>97.1</v>
      </c>
      <c r="AJ45" s="450">
        <v>-1.3</v>
      </c>
      <c r="AK45" s="422"/>
    </row>
    <row r="46" spans="1:37" s="454" customFormat="1" ht="15" customHeight="1" x14ac:dyDescent="0.15">
      <c r="A46" s="615"/>
      <c r="B46" s="479"/>
      <c r="C46" s="456" t="s">
        <v>0</v>
      </c>
      <c r="D46" s="455" t="s">
        <v>243</v>
      </c>
      <c r="E46" s="452">
        <v>99.7</v>
      </c>
      <c r="F46" s="453">
        <v>4.0999999999999996</v>
      </c>
      <c r="G46" s="452">
        <v>105.9</v>
      </c>
      <c r="H46" s="452">
        <v>4.2</v>
      </c>
      <c r="I46" s="452">
        <v>97.8</v>
      </c>
      <c r="J46" s="452">
        <v>4</v>
      </c>
      <c r="K46" s="452">
        <v>103</v>
      </c>
      <c r="L46" s="452">
        <v>2.2999999999999998</v>
      </c>
      <c r="M46" s="452">
        <v>101.4</v>
      </c>
      <c r="N46" s="452">
        <v>3.3</v>
      </c>
      <c r="O46" s="452">
        <v>98.8</v>
      </c>
      <c r="P46" s="452">
        <v>0.9</v>
      </c>
      <c r="Q46" s="452">
        <v>102.1</v>
      </c>
      <c r="R46" s="452">
        <v>3.1</v>
      </c>
      <c r="S46" s="452">
        <v>95.7</v>
      </c>
      <c r="T46" s="452">
        <v>-1.2</v>
      </c>
      <c r="U46" s="452">
        <v>97</v>
      </c>
      <c r="V46" s="452">
        <v>-5.7</v>
      </c>
      <c r="W46" s="452">
        <v>98</v>
      </c>
      <c r="X46" s="452">
        <v>2.5</v>
      </c>
      <c r="Y46" s="452">
        <v>122.3</v>
      </c>
      <c r="Z46" s="452">
        <v>-0.6</v>
      </c>
      <c r="AA46" s="452">
        <v>113.5</v>
      </c>
      <c r="AB46" s="452">
        <v>6</v>
      </c>
      <c r="AC46" s="452">
        <v>92.8</v>
      </c>
      <c r="AD46" s="452">
        <v>-0.2</v>
      </c>
      <c r="AE46" s="452">
        <v>102.3</v>
      </c>
      <c r="AF46" s="452">
        <v>11.4</v>
      </c>
      <c r="AG46" s="466">
        <v>96.5</v>
      </c>
      <c r="AH46" s="466">
        <v>0.4</v>
      </c>
      <c r="AI46" s="452">
        <v>93</v>
      </c>
      <c r="AJ46" s="452">
        <v>5</v>
      </c>
      <c r="AK46" s="196"/>
    </row>
    <row r="47" spans="1:37" s="424" customFormat="1" ht="14.25" customHeight="1" x14ac:dyDescent="0.15">
      <c r="A47" s="615"/>
      <c r="B47" s="472"/>
      <c r="C47" s="448"/>
      <c r="D47" s="455"/>
      <c r="E47" s="493"/>
      <c r="F47" s="453"/>
      <c r="G47" s="452"/>
      <c r="H47" s="452"/>
      <c r="I47" s="493"/>
      <c r="J47" s="452"/>
      <c r="K47" s="493"/>
      <c r="L47" s="452"/>
      <c r="M47" s="493"/>
      <c r="N47" s="452"/>
      <c r="O47" s="493"/>
      <c r="P47" s="452"/>
      <c r="Q47" s="493"/>
      <c r="R47" s="452"/>
      <c r="S47" s="493"/>
      <c r="T47" s="452"/>
      <c r="U47" s="452"/>
      <c r="V47" s="452"/>
      <c r="W47" s="452"/>
      <c r="X47" s="452"/>
      <c r="Y47" s="452"/>
      <c r="Z47" s="452"/>
      <c r="AA47" s="452"/>
      <c r="AB47" s="452"/>
      <c r="AC47" s="493"/>
      <c r="AD47" s="452"/>
      <c r="AE47" s="493"/>
      <c r="AF47" s="452"/>
      <c r="AG47" s="512"/>
      <c r="AH47" s="466"/>
      <c r="AI47" s="493"/>
      <c r="AJ47" s="452"/>
      <c r="AK47" s="422"/>
    </row>
    <row r="48" spans="1:37" s="424" customFormat="1" ht="14.25" customHeight="1" x14ac:dyDescent="0.15">
      <c r="A48" s="615"/>
      <c r="B48" s="472"/>
      <c r="C48" s="448" t="s">
        <v>238</v>
      </c>
      <c r="D48" s="455" t="s">
        <v>231</v>
      </c>
      <c r="E48" s="450">
        <v>105.4</v>
      </c>
      <c r="F48" s="451">
        <v>-1.4</v>
      </c>
      <c r="G48" s="450">
        <v>110.1</v>
      </c>
      <c r="H48" s="450">
        <v>7.2</v>
      </c>
      <c r="I48" s="450">
        <v>108.3</v>
      </c>
      <c r="J48" s="450">
        <v>0.7</v>
      </c>
      <c r="K48" s="450">
        <v>111.3</v>
      </c>
      <c r="L48" s="450">
        <v>-1.9</v>
      </c>
      <c r="M48" s="450">
        <v>105.8</v>
      </c>
      <c r="N48" s="450">
        <v>-1.4</v>
      </c>
      <c r="O48" s="450">
        <v>103.4</v>
      </c>
      <c r="P48" s="450">
        <v>-1.4</v>
      </c>
      <c r="Q48" s="450">
        <v>105.8</v>
      </c>
      <c r="R48" s="450">
        <v>2</v>
      </c>
      <c r="S48" s="450">
        <v>105.3</v>
      </c>
      <c r="T48" s="450">
        <v>-1</v>
      </c>
      <c r="U48" s="450">
        <v>109.5</v>
      </c>
      <c r="V48" s="450">
        <v>4</v>
      </c>
      <c r="W48" s="450">
        <v>109.4</v>
      </c>
      <c r="X48" s="450">
        <v>1.3</v>
      </c>
      <c r="Y48" s="450">
        <v>125.6</v>
      </c>
      <c r="Z48" s="450">
        <v>2.8</v>
      </c>
      <c r="AA48" s="450">
        <v>113.2</v>
      </c>
      <c r="AB48" s="450">
        <v>6.2</v>
      </c>
      <c r="AC48" s="450">
        <v>94.7</v>
      </c>
      <c r="AD48" s="450">
        <v>-10.1</v>
      </c>
      <c r="AE48" s="450">
        <v>105.4</v>
      </c>
      <c r="AF48" s="450">
        <v>-9.3000000000000007</v>
      </c>
      <c r="AG48" s="450">
        <v>106.1</v>
      </c>
      <c r="AH48" s="465">
        <v>2.7</v>
      </c>
      <c r="AI48" s="450">
        <v>99.7</v>
      </c>
      <c r="AJ48" s="450">
        <v>1.1000000000000001</v>
      </c>
      <c r="AK48" s="422"/>
    </row>
    <row r="49" spans="1:36" ht="11.25" customHeight="1" thickBot="1" x14ac:dyDescent="0.2">
      <c r="A49" s="615"/>
      <c r="B49" s="485"/>
      <c r="C49" s="468"/>
      <c r="D49" s="469"/>
      <c r="E49" s="494"/>
      <c r="F49" s="495"/>
      <c r="G49" s="494"/>
      <c r="H49" s="494"/>
      <c r="I49" s="494"/>
      <c r="J49" s="494"/>
      <c r="K49" s="494"/>
      <c r="L49" s="494"/>
      <c r="M49" s="494"/>
      <c r="N49" s="494"/>
      <c r="O49" s="494"/>
      <c r="P49" s="494"/>
      <c r="Q49" s="494"/>
      <c r="R49" s="494"/>
      <c r="S49" s="494"/>
      <c r="T49" s="494"/>
      <c r="U49" s="494"/>
      <c r="V49" s="494"/>
      <c r="W49" s="494"/>
      <c r="X49" s="494"/>
      <c r="Y49" s="494"/>
      <c r="Z49" s="494"/>
      <c r="AA49" s="494"/>
      <c r="AB49" s="494"/>
      <c r="AC49" s="494"/>
      <c r="AD49" s="494"/>
      <c r="AE49" s="494"/>
      <c r="AF49" s="494"/>
      <c r="AG49" s="494"/>
      <c r="AH49" s="494"/>
      <c r="AI49" s="494"/>
      <c r="AJ49" s="494"/>
    </row>
    <row r="50" spans="1:36" ht="14.1" customHeight="1" x14ac:dyDescent="0.15">
      <c r="A50" s="615"/>
      <c r="C50" s="684" t="s">
        <v>209</v>
      </c>
      <c r="D50" s="685"/>
      <c r="E50" s="685"/>
      <c r="F50" s="685"/>
      <c r="G50" s="685"/>
      <c r="H50" s="685"/>
      <c r="I50" s="685"/>
      <c r="J50" s="685"/>
      <c r="K50" s="685"/>
      <c r="L50" s="685"/>
      <c r="M50" s="686"/>
      <c r="N50" s="686"/>
      <c r="O50" s="686"/>
      <c r="P50" s="686"/>
      <c r="Q50" s="686"/>
      <c r="R50" s="686"/>
      <c r="S50" s="686"/>
      <c r="T50" s="686"/>
      <c r="U50" s="686"/>
      <c r="V50" s="686"/>
      <c r="W50" s="686"/>
      <c r="X50" s="686"/>
      <c r="Y50" s="686"/>
      <c r="Z50" s="686"/>
      <c r="AA50" s="686"/>
      <c r="AB50" s="686"/>
      <c r="AC50" s="686"/>
      <c r="AD50" s="686"/>
      <c r="AE50" s="686"/>
      <c r="AF50" s="686"/>
      <c r="AJ50" s="422"/>
    </row>
  </sheetData>
  <protectedRanges>
    <protectedRange sqref="AI26:AJ26 AI47:AJ47" name="範囲1_1_3"/>
  </protectedRanges>
  <mergeCells count="54">
    <mergeCell ref="AI5:AJ5"/>
    <mergeCell ref="E6:F6"/>
    <mergeCell ref="G6:H6"/>
    <mergeCell ref="I6:J6"/>
    <mergeCell ref="K6:L6"/>
    <mergeCell ref="M6:N6"/>
    <mergeCell ref="O6:P6"/>
    <mergeCell ref="AG6:AH6"/>
    <mergeCell ref="AI6:AJ6"/>
    <mergeCell ref="U6:V6"/>
    <mergeCell ref="W6:X6"/>
    <mergeCell ref="Y6:Z6"/>
    <mergeCell ref="AA6:AB6"/>
    <mergeCell ref="AG4:AH4"/>
    <mergeCell ref="Q6:R6"/>
    <mergeCell ref="S6:T6"/>
    <mergeCell ref="U5:V5"/>
    <mergeCell ref="W5:X5"/>
    <mergeCell ref="Y5:Z5"/>
    <mergeCell ref="AA5:AB5"/>
    <mergeCell ref="AC6:AD6"/>
    <mergeCell ref="AE6:AF6"/>
    <mergeCell ref="AG5:AH5"/>
    <mergeCell ref="AC5:AD5"/>
    <mergeCell ref="AE5:AF5"/>
    <mergeCell ref="AA4:AB4"/>
    <mergeCell ref="AC4:AD4"/>
    <mergeCell ref="AE4:AF4"/>
    <mergeCell ref="AF1:AJ1"/>
    <mergeCell ref="H2:L2"/>
    <mergeCell ref="P2:T2"/>
    <mergeCell ref="C3:D7"/>
    <mergeCell ref="E4:F4"/>
    <mergeCell ref="G4:H4"/>
    <mergeCell ref="I4:J4"/>
    <mergeCell ref="AI4:AJ4"/>
    <mergeCell ref="K5:L5"/>
    <mergeCell ref="M5:N5"/>
    <mergeCell ref="O5:P5"/>
    <mergeCell ref="Q5:R5"/>
    <mergeCell ref="S5:T5"/>
    <mergeCell ref="O4:P4"/>
    <mergeCell ref="Q4:R4"/>
    <mergeCell ref="S4:T4"/>
    <mergeCell ref="K4:L4"/>
    <mergeCell ref="M4:N4"/>
    <mergeCell ref="W4:X4"/>
    <mergeCell ref="Y4:Z4"/>
    <mergeCell ref="A1:A50"/>
    <mergeCell ref="U4:V4"/>
    <mergeCell ref="B8:B28"/>
    <mergeCell ref="B35:B39"/>
    <mergeCell ref="B41:B43"/>
    <mergeCell ref="C50:AF50"/>
  </mergeCells>
  <phoneticPr fontId="3"/>
  <printOptions horizontalCentered="1"/>
  <pageMargins left="0.59055118110236227" right="0.59055118110236227" top="0.39370078740157483" bottom="0.59055118110236227" header="0" footer="0.19685039370078741"/>
  <pageSetup paperSize="9" scale="78" orientation="landscape" errors="blank" r:id="rId1"/>
  <headerFooter alignWithMargins="0"/>
</worksheet>
</file>

<file path=xl/worksheets/sheet1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2">
    <tabColor indexed="52"/>
  </sheetPr>
  <dimension ref="A1:AK50"/>
  <sheetViews>
    <sheetView view="pageBreakPreview" zoomScaleNormal="100" zoomScaleSheetLayoutView="100" workbookViewId="0">
      <selection sqref="A1:A50"/>
    </sheetView>
  </sheetViews>
  <sheetFormatPr defaultRowHeight="13.5" x14ac:dyDescent="0.15"/>
  <cols>
    <col min="1" max="1" width="4.375" style="321" customWidth="1"/>
    <col min="2" max="2" width="2.5" style="321" customWidth="1"/>
    <col min="3" max="3" width="6.625" style="395" customWidth="1"/>
    <col min="4" max="4" width="3.875" style="395" customWidth="1"/>
    <col min="5" max="32" width="4.875" style="395" customWidth="1"/>
    <col min="33" max="33" width="5.125" style="399" bestFit="1" customWidth="1"/>
    <col min="34" max="34" width="5.125" style="395" bestFit="1" customWidth="1"/>
    <col min="35" max="36" width="4.875" style="395" customWidth="1"/>
    <col min="37" max="37" width="9" style="395"/>
  </cols>
  <sheetData>
    <row r="1" spans="1:37" s="9" customFormat="1" ht="18.75" customHeight="1" x14ac:dyDescent="0.15">
      <c r="A1" s="615" t="s">
        <v>222</v>
      </c>
      <c r="B1" s="212" t="s">
        <v>223</v>
      </c>
      <c r="D1" s="513"/>
      <c r="E1" s="513"/>
      <c r="F1" s="513"/>
      <c r="G1" s="513"/>
      <c r="H1" s="513"/>
      <c r="I1" s="513"/>
      <c r="J1" s="513"/>
      <c r="K1" s="513"/>
      <c r="L1" s="513"/>
      <c r="M1" s="417"/>
      <c r="N1" s="417"/>
      <c r="O1" s="417"/>
      <c r="P1" s="417"/>
      <c r="Q1" s="417"/>
      <c r="R1" s="417"/>
      <c r="S1" s="417"/>
      <c r="T1" s="417"/>
      <c r="U1" s="417"/>
      <c r="V1" s="417"/>
      <c r="W1" s="417"/>
      <c r="X1" s="417"/>
      <c r="Y1" s="417"/>
      <c r="Z1" s="417"/>
      <c r="AA1" s="417"/>
      <c r="AB1" s="417"/>
      <c r="AC1" s="417"/>
      <c r="AD1" s="417"/>
      <c r="AE1" s="417"/>
      <c r="AF1" s="618" t="s">
        <v>212</v>
      </c>
      <c r="AG1" s="618"/>
      <c r="AH1" s="618"/>
      <c r="AI1" s="618"/>
      <c r="AJ1" s="618"/>
      <c r="AK1" s="399"/>
    </row>
    <row r="2" spans="1:37" s="424" customFormat="1" ht="3.75" customHeight="1" thickBot="1" x14ac:dyDescent="0.2">
      <c r="A2" s="615"/>
      <c r="B2" s="211"/>
      <c r="C2" s="420"/>
      <c r="D2" s="420"/>
      <c r="E2" s="514"/>
      <c r="F2" s="514"/>
      <c r="G2" s="421"/>
      <c r="H2" s="659"/>
      <c r="I2" s="659"/>
      <c r="J2" s="659"/>
      <c r="K2" s="659"/>
      <c r="L2" s="659"/>
      <c r="M2" s="420"/>
      <c r="N2" s="420"/>
      <c r="O2" s="420"/>
      <c r="P2" s="659"/>
      <c r="Q2" s="659"/>
      <c r="R2" s="659"/>
      <c r="S2" s="659"/>
      <c r="T2" s="659"/>
      <c r="U2" s="420"/>
      <c r="V2" s="420"/>
      <c r="W2" s="420"/>
      <c r="X2" s="420"/>
      <c r="Y2" s="420"/>
      <c r="Z2" s="422"/>
      <c r="AA2" s="422"/>
      <c r="AB2" s="422"/>
      <c r="AC2" s="422"/>
      <c r="AD2" s="422"/>
      <c r="AE2" s="422"/>
      <c r="AF2" s="423"/>
      <c r="AG2" s="423"/>
      <c r="AH2" s="423"/>
      <c r="AI2" s="423"/>
      <c r="AJ2" s="423"/>
      <c r="AK2" s="422"/>
    </row>
    <row r="3" spans="1:37" s="424" customFormat="1" ht="6" customHeight="1" x14ac:dyDescent="0.15">
      <c r="A3" s="615"/>
      <c r="B3" s="425"/>
      <c r="C3" s="660"/>
      <c r="D3" s="661"/>
      <c r="E3" s="426"/>
      <c r="F3" s="428"/>
      <c r="G3" s="515"/>
      <c r="H3" s="429"/>
      <c r="I3" s="426"/>
      <c r="J3" s="429"/>
      <c r="K3" s="426"/>
      <c r="L3" s="429"/>
      <c r="M3" s="426"/>
      <c r="N3" s="429"/>
      <c r="O3" s="426"/>
      <c r="P3" s="429"/>
      <c r="Q3" s="426"/>
      <c r="R3" s="429"/>
      <c r="S3" s="426"/>
      <c r="T3" s="428"/>
      <c r="U3" s="426"/>
      <c r="V3" s="429"/>
      <c r="W3" s="426"/>
      <c r="X3" s="429"/>
      <c r="Y3" s="426"/>
      <c r="Z3" s="429"/>
      <c r="AA3" s="426"/>
      <c r="AB3" s="429"/>
      <c r="AC3" s="426"/>
      <c r="AD3" s="428"/>
      <c r="AE3" s="426"/>
      <c r="AF3" s="429"/>
      <c r="AG3" s="430"/>
      <c r="AH3" s="429"/>
      <c r="AI3" s="426"/>
      <c r="AJ3" s="428"/>
      <c r="AK3" s="422"/>
    </row>
    <row r="4" spans="1:37" s="424" customFormat="1" ht="12" customHeight="1" x14ac:dyDescent="0.15">
      <c r="A4" s="615"/>
      <c r="B4" s="431"/>
      <c r="C4" s="662"/>
      <c r="D4" s="663"/>
      <c r="E4" s="652" t="s">
        <v>89</v>
      </c>
      <c r="F4" s="666"/>
      <c r="G4" s="667" t="s">
        <v>1</v>
      </c>
      <c r="H4" s="653"/>
      <c r="I4" s="652" t="s">
        <v>2</v>
      </c>
      <c r="J4" s="653"/>
      <c r="K4" s="652" t="s">
        <v>182</v>
      </c>
      <c r="L4" s="653"/>
      <c r="M4" s="654" t="s">
        <v>183</v>
      </c>
      <c r="N4" s="655"/>
      <c r="O4" s="654" t="s">
        <v>184</v>
      </c>
      <c r="P4" s="655"/>
      <c r="Q4" s="652" t="s">
        <v>185</v>
      </c>
      <c r="R4" s="673"/>
      <c r="S4" s="654" t="s">
        <v>186</v>
      </c>
      <c r="T4" s="655"/>
      <c r="U4" s="654" t="s">
        <v>187</v>
      </c>
      <c r="V4" s="655"/>
      <c r="W4" s="656" t="s">
        <v>188</v>
      </c>
      <c r="X4" s="657"/>
      <c r="Y4" s="654" t="s">
        <v>189</v>
      </c>
      <c r="Z4" s="658"/>
      <c r="AA4" s="656" t="s">
        <v>190</v>
      </c>
      <c r="AB4" s="657"/>
      <c r="AC4" s="654" t="s">
        <v>191</v>
      </c>
      <c r="AD4" s="658"/>
      <c r="AE4" s="654" t="s">
        <v>192</v>
      </c>
      <c r="AF4" s="658"/>
      <c r="AG4" s="654" t="s">
        <v>193</v>
      </c>
      <c r="AH4" s="658"/>
      <c r="AI4" s="654" t="s">
        <v>194</v>
      </c>
      <c r="AJ4" s="668"/>
      <c r="AK4" s="422"/>
    </row>
    <row r="5" spans="1:37" s="424" customFormat="1" ht="12" customHeight="1" x14ac:dyDescent="0.15">
      <c r="A5" s="615"/>
      <c r="B5" s="431"/>
      <c r="C5" s="662"/>
      <c r="D5" s="663"/>
      <c r="E5" s="432"/>
      <c r="F5" s="433"/>
      <c r="G5" s="434"/>
      <c r="H5" s="435"/>
      <c r="I5" s="432"/>
      <c r="J5" s="435"/>
      <c r="K5" s="669" t="s">
        <v>195</v>
      </c>
      <c r="L5" s="670"/>
      <c r="M5" s="671"/>
      <c r="N5" s="655"/>
      <c r="O5" s="672" t="s">
        <v>196</v>
      </c>
      <c r="P5" s="655"/>
      <c r="Q5" s="652" t="s">
        <v>197</v>
      </c>
      <c r="R5" s="673"/>
      <c r="S5" s="654" t="s">
        <v>198</v>
      </c>
      <c r="T5" s="655"/>
      <c r="U5" s="654" t="s">
        <v>199</v>
      </c>
      <c r="V5" s="655"/>
      <c r="W5" s="656" t="s">
        <v>200</v>
      </c>
      <c r="X5" s="657"/>
      <c r="Y5" s="656" t="s">
        <v>201</v>
      </c>
      <c r="Z5" s="657"/>
      <c r="AA5" s="654" t="s">
        <v>202</v>
      </c>
      <c r="AB5" s="655"/>
      <c r="AC5" s="654" t="s">
        <v>203</v>
      </c>
      <c r="AD5" s="658"/>
      <c r="AE5" s="654"/>
      <c r="AF5" s="655"/>
      <c r="AG5" s="654" t="s">
        <v>204</v>
      </c>
      <c r="AH5" s="655"/>
      <c r="AI5" s="654"/>
      <c r="AJ5" s="676"/>
      <c r="AK5" s="422"/>
    </row>
    <row r="6" spans="1:37" s="437" customFormat="1" ht="15" customHeight="1" x14ac:dyDescent="0.15">
      <c r="A6" s="615"/>
      <c r="B6" s="436"/>
      <c r="C6" s="662"/>
      <c r="D6" s="663"/>
      <c r="E6" s="674" t="s">
        <v>205</v>
      </c>
      <c r="F6" s="677"/>
      <c r="G6" s="678" t="s">
        <v>205</v>
      </c>
      <c r="H6" s="675"/>
      <c r="I6" s="674" t="s">
        <v>205</v>
      </c>
      <c r="J6" s="675"/>
      <c r="K6" s="674" t="s">
        <v>205</v>
      </c>
      <c r="L6" s="675"/>
      <c r="M6" s="674" t="s">
        <v>205</v>
      </c>
      <c r="N6" s="675"/>
      <c r="O6" s="674" t="s">
        <v>205</v>
      </c>
      <c r="P6" s="675"/>
      <c r="Q6" s="674" t="s">
        <v>205</v>
      </c>
      <c r="R6" s="675"/>
      <c r="S6" s="674" t="s">
        <v>205</v>
      </c>
      <c r="T6" s="675"/>
      <c r="U6" s="674" t="s">
        <v>205</v>
      </c>
      <c r="V6" s="675"/>
      <c r="W6" s="674" t="s">
        <v>205</v>
      </c>
      <c r="X6" s="675"/>
      <c r="Y6" s="674" t="s">
        <v>205</v>
      </c>
      <c r="Z6" s="675"/>
      <c r="AA6" s="674" t="s">
        <v>205</v>
      </c>
      <c r="AB6" s="675"/>
      <c r="AC6" s="674" t="s">
        <v>205</v>
      </c>
      <c r="AD6" s="675"/>
      <c r="AE6" s="674" t="s">
        <v>205</v>
      </c>
      <c r="AF6" s="675"/>
      <c r="AG6" s="674" t="s">
        <v>205</v>
      </c>
      <c r="AH6" s="675"/>
      <c r="AI6" s="674" t="s">
        <v>205</v>
      </c>
      <c r="AJ6" s="678"/>
      <c r="AK6" s="420"/>
    </row>
    <row r="7" spans="1:37" s="424" customFormat="1" ht="7.5" customHeight="1" x14ac:dyDescent="0.15">
      <c r="A7" s="615"/>
      <c r="B7" s="438"/>
      <c r="C7" s="664"/>
      <c r="D7" s="665"/>
      <c r="E7" s="439"/>
      <c r="F7" s="440" t="s">
        <v>164</v>
      </c>
      <c r="G7" s="441"/>
      <c r="H7" s="442" t="s">
        <v>164</v>
      </c>
      <c r="I7" s="439"/>
      <c r="J7" s="442" t="s">
        <v>164</v>
      </c>
      <c r="K7" s="439"/>
      <c r="L7" s="442" t="s">
        <v>164</v>
      </c>
      <c r="M7" s="439"/>
      <c r="N7" s="442" t="s">
        <v>164</v>
      </c>
      <c r="O7" s="439"/>
      <c r="P7" s="442" t="s">
        <v>164</v>
      </c>
      <c r="Q7" s="439"/>
      <c r="R7" s="442" t="s">
        <v>164</v>
      </c>
      <c r="S7" s="439"/>
      <c r="T7" s="442" t="s">
        <v>164</v>
      </c>
      <c r="U7" s="439"/>
      <c r="V7" s="442" t="s">
        <v>164</v>
      </c>
      <c r="W7" s="439"/>
      <c r="X7" s="442" t="s">
        <v>164</v>
      </c>
      <c r="Y7" s="439"/>
      <c r="Z7" s="442" t="s">
        <v>164</v>
      </c>
      <c r="AA7" s="439"/>
      <c r="AB7" s="442" t="s">
        <v>164</v>
      </c>
      <c r="AC7" s="439"/>
      <c r="AD7" s="442" t="s">
        <v>164</v>
      </c>
      <c r="AE7" s="439"/>
      <c r="AF7" s="442" t="s">
        <v>164</v>
      </c>
      <c r="AG7" s="443"/>
      <c r="AH7" s="442" t="s">
        <v>164</v>
      </c>
      <c r="AI7" s="439"/>
      <c r="AJ7" s="334" t="s">
        <v>164</v>
      </c>
      <c r="AK7" s="422"/>
    </row>
    <row r="8" spans="1:37" s="424" customFormat="1" ht="11.25" customHeight="1" x14ac:dyDescent="0.15">
      <c r="A8" s="615"/>
      <c r="B8" s="679" t="s">
        <v>206</v>
      </c>
      <c r="C8" s="444"/>
      <c r="D8" s="445"/>
      <c r="E8" s="516"/>
      <c r="F8" s="517"/>
      <c r="G8" s="516"/>
      <c r="H8" s="516"/>
      <c r="I8" s="516"/>
      <c r="J8" s="516"/>
      <c r="K8" s="516"/>
      <c r="L8" s="516"/>
      <c r="M8" s="516"/>
      <c r="N8" s="516"/>
      <c r="O8" s="516"/>
      <c r="P8" s="516"/>
      <c r="Q8" s="516"/>
      <c r="R8" s="516"/>
      <c r="S8" s="516"/>
      <c r="T8" s="516"/>
      <c r="U8" s="516"/>
      <c r="V8" s="516"/>
      <c r="W8" s="516"/>
      <c r="X8" s="516"/>
      <c r="Y8" s="516"/>
      <c r="Z8" s="516"/>
      <c r="AA8" s="516"/>
      <c r="AB8" s="516"/>
      <c r="AC8" s="516"/>
      <c r="AD8" s="516"/>
      <c r="AE8" s="516"/>
      <c r="AF8" s="516"/>
      <c r="AG8" s="516"/>
      <c r="AH8" s="516"/>
      <c r="AI8" s="516"/>
      <c r="AJ8" s="516"/>
      <c r="AK8" s="422"/>
    </row>
    <row r="9" spans="1:37" s="424" customFormat="1" ht="14.25" customHeight="1" x14ac:dyDescent="0.15">
      <c r="A9" s="615"/>
      <c r="B9" s="680"/>
      <c r="C9" s="448" t="s">
        <v>226</v>
      </c>
      <c r="D9" s="449" t="s">
        <v>227</v>
      </c>
      <c r="E9" s="450">
        <v>121.3</v>
      </c>
      <c r="F9" s="451">
        <v>5</v>
      </c>
      <c r="G9" s="450">
        <v>96.5</v>
      </c>
      <c r="H9" s="450">
        <v>12.2</v>
      </c>
      <c r="I9" s="450">
        <v>117.9</v>
      </c>
      <c r="J9" s="450">
        <v>-6.6</v>
      </c>
      <c r="K9" s="450">
        <v>107.5</v>
      </c>
      <c r="L9" s="450">
        <v>38.200000000000003</v>
      </c>
      <c r="M9" s="450">
        <v>90.5</v>
      </c>
      <c r="N9" s="450">
        <v>-22.3</v>
      </c>
      <c r="O9" s="450">
        <v>110</v>
      </c>
      <c r="P9" s="450">
        <v>21.6</v>
      </c>
      <c r="Q9" s="450">
        <v>117</v>
      </c>
      <c r="R9" s="450">
        <v>-13.1</v>
      </c>
      <c r="S9" s="450">
        <v>107.6</v>
      </c>
      <c r="T9" s="450">
        <v>-0.5</v>
      </c>
      <c r="U9" s="450">
        <v>137</v>
      </c>
      <c r="V9" s="450">
        <v>-7.2</v>
      </c>
      <c r="W9" s="450">
        <v>108.5</v>
      </c>
      <c r="X9" s="450">
        <v>4.4000000000000004</v>
      </c>
      <c r="Y9" s="450">
        <v>150</v>
      </c>
      <c r="Z9" s="450">
        <v>8.4</v>
      </c>
      <c r="AA9" s="450">
        <v>123.1</v>
      </c>
      <c r="AB9" s="450">
        <v>0.1</v>
      </c>
      <c r="AC9" s="450">
        <v>202.2</v>
      </c>
      <c r="AD9" s="450">
        <v>38.9</v>
      </c>
      <c r="AE9" s="450">
        <v>145.1</v>
      </c>
      <c r="AF9" s="450">
        <v>11.4</v>
      </c>
      <c r="AG9" s="450">
        <v>103.3</v>
      </c>
      <c r="AH9" s="450">
        <v>47.7</v>
      </c>
      <c r="AI9" s="450">
        <v>122.1</v>
      </c>
      <c r="AJ9" s="450">
        <v>20.3</v>
      </c>
      <c r="AK9" s="422"/>
    </row>
    <row r="10" spans="1:37" s="454" customFormat="1" ht="14.25" customHeight="1" x14ac:dyDescent="0.15">
      <c r="A10" s="615"/>
      <c r="B10" s="680"/>
      <c r="C10" s="448" t="s">
        <v>226</v>
      </c>
      <c r="D10" s="449" t="s">
        <v>228</v>
      </c>
      <c r="E10" s="452">
        <v>100</v>
      </c>
      <c r="F10" s="453">
        <v>-17.600000000000001</v>
      </c>
      <c r="G10" s="452">
        <v>100</v>
      </c>
      <c r="H10" s="452">
        <v>3.7</v>
      </c>
      <c r="I10" s="452">
        <v>100</v>
      </c>
      <c r="J10" s="452">
        <v>-15.1</v>
      </c>
      <c r="K10" s="452">
        <v>100</v>
      </c>
      <c r="L10" s="452">
        <v>-7</v>
      </c>
      <c r="M10" s="452">
        <v>100</v>
      </c>
      <c r="N10" s="452">
        <v>10.6</v>
      </c>
      <c r="O10" s="452">
        <v>100</v>
      </c>
      <c r="P10" s="452">
        <v>-9.1</v>
      </c>
      <c r="Q10" s="452">
        <v>100</v>
      </c>
      <c r="R10" s="452">
        <v>-14.6</v>
      </c>
      <c r="S10" s="452">
        <v>100</v>
      </c>
      <c r="T10" s="452">
        <v>-7.1</v>
      </c>
      <c r="U10" s="452">
        <v>100</v>
      </c>
      <c r="V10" s="452">
        <v>-27</v>
      </c>
      <c r="W10" s="452">
        <v>100</v>
      </c>
      <c r="X10" s="452">
        <v>-7.8</v>
      </c>
      <c r="Y10" s="452">
        <v>100</v>
      </c>
      <c r="Z10" s="452">
        <v>-33.4</v>
      </c>
      <c r="AA10" s="452">
        <v>100</v>
      </c>
      <c r="AB10" s="452">
        <v>-18.8</v>
      </c>
      <c r="AC10" s="452">
        <v>100</v>
      </c>
      <c r="AD10" s="452">
        <v>-50.5</v>
      </c>
      <c r="AE10" s="452">
        <v>100</v>
      </c>
      <c r="AF10" s="452">
        <v>-31.1</v>
      </c>
      <c r="AG10" s="452">
        <v>100</v>
      </c>
      <c r="AH10" s="452">
        <v>-3.3</v>
      </c>
      <c r="AI10" s="452">
        <v>100</v>
      </c>
      <c r="AJ10" s="452">
        <v>-18.2</v>
      </c>
      <c r="AK10" s="196"/>
    </row>
    <row r="11" spans="1:37" s="424" customFormat="1" ht="14.25" customHeight="1" x14ac:dyDescent="0.15">
      <c r="A11" s="615"/>
      <c r="B11" s="680"/>
      <c r="C11" s="448" t="s">
        <v>226</v>
      </c>
      <c r="D11" s="449" t="s">
        <v>229</v>
      </c>
      <c r="E11" s="450">
        <v>104.1</v>
      </c>
      <c r="F11" s="451">
        <v>4.0999999999999996</v>
      </c>
      <c r="G11" s="450">
        <v>118.8</v>
      </c>
      <c r="H11" s="450">
        <v>18.8</v>
      </c>
      <c r="I11" s="450">
        <v>107.3</v>
      </c>
      <c r="J11" s="450">
        <v>7.2</v>
      </c>
      <c r="K11" s="450">
        <v>72.8</v>
      </c>
      <c r="L11" s="450">
        <v>-27.3</v>
      </c>
      <c r="M11" s="450">
        <v>107.5</v>
      </c>
      <c r="N11" s="450">
        <v>7.6</v>
      </c>
      <c r="O11" s="450">
        <v>95.7</v>
      </c>
      <c r="P11" s="450">
        <v>-4.2</v>
      </c>
      <c r="Q11" s="450">
        <v>101.1</v>
      </c>
      <c r="R11" s="450">
        <v>1.1000000000000001</v>
      </c>
      <c r="S11" s="450">
        <v>96</v>
      </c>
      <c r="T11" s="450">
        <v>-4</v>
      </c>
      <c r="U11" s="450">
        <v>159</v>
      </c>
      <c r="V11" s="450">
        <v>59</v>
      </c>
      <c r="W11" s="450">
        <v>98.2</v>
      </c>
      <c r="X11" s="450">
        <v>-1.8</v>
      </c>
      <c r="Y11" s="450">
        <v>75.8</v>
      </c>
      <c r="Z11" s="450">
        <v>-24.1</v>
      </c>
      <c r="AA11" s="450">
        <v>101.9</v>
      </c>
      <c r="AB11" s="450">
        <v>1.9</v>
      </c>
      <c r="AC11" s="450">
        <v>121.1</v>
      </c>
      <c r="AD11" s="450">
        <v>21.2</v>
      </c>
      <c r="AE11" s="450">
        <v>91</v>
      </c>
      <c r="AF11" s="450">
        <v>-9</v>
      </c>
      <c r="AG11" s="450">
        <v>82.5</v>
      </c>
      <c r="AH11" s="450">
        <v>-17.399999999999999</v>
      </c>
      <c r="AI11" s="450">
        <v>115.7</v>
      </c>
      <c r="AJ11" s="450">
        <v>15.7</v>
      </c>
      <c r="AK11" s="422"/>
    </row>
    <row r="12" spans="1:37" s="454" customFormat="1" ht="14.25" customHeight="1" x14ac:dyDescent="0.15">
      <c r="A12" s="615"/>
      <c r="B12" s="680"/>
      <c r="C12" s="448" t="s">
        <v>226</v>
      </c>
      <c r="D12" s="449" t="s">
        <v>230</v>
      </c>
      <c r="E12" s="452">
        <v>103.5</v>
      </c>
      <c r="F12" s="453">
        <v>-0.6</v>
      </c>
      <c r="G12" s="452">
        <v>120.6</v>
      </c>
      <c r="H12" s="452">
        <v>1.5</v>
      </c>
      <c r="I12" s="452">
        <v>121.5</v>
      </c>
      <c r="J12" s="452">
        <v>13.2</v>
      </c>
      <c r="K12" s="452">
        <v>88.5</v>
      </c>
      <c r="L12" s="452">
        <v>21.6</v>
      </c>
      <c r="M12" s="452">
        <v>124.6</v>
      </c>
      <c r="N12" s="452">
        <v>15.9</v>
      </c>
      <c r="O12" s="452">
        <v>79.599999999999994</v>
      </c>
      <c r="P12" s="452">
        <v>-16.8</v>
      </c>
      <c r="Q12" s="452">
        <v>118.1</v>
      </c>
      <c r="R12" s="452">
        <v>16.8</v>
      </c>
      <c r="S12" s="452">
        <v>96.4</v>
      </c>
      <c r="T12" s="452">
        <v>0.4</v>
      </c>
      <c r="U12" s="452">
        <v>131.6</v>
      </c>
      <c r="V12" s="452">
        <v>-17.2</v>
      </c>
      <c r="W12" s="452">
        <v>84</v>
      </c>
      <c r="X12" s="452">
        <v>-14.5</v>
      </c>
      <c r="Y12" s="452">
        <v>123.2</v>
      </c>
      <c r="Z12" s="452">
        <v>62.5</v>
      </c>
      <c r="AA12" s="452">
        <v>79</v>
      </c>
      <c r="AB12" s="452">
        <v>-22.5</v>
      </c>
      <c r="AC12" s="452">
        <v>86.4</v>
      </c>
      <c r="AD12" s="452">
        <v>-28.7</v>
      </c>
      <c r="AE12" s="452">
        <v>120.9</v>
      </c>
      <c r="AF12" s="452">
        <v>32.9</v>
      </c>
      <c r="AG12" s="452">
        <v>77.5</v>
      </c>
      <c r="AH12" s="452">
        <v>-6.1</v>
      </c>
      <c r="AI12" s="452">
        <v>91.6</v>
      </c>
      <c r="AJ12" s="452">
        <v>-20.8</v>
      </c>
      <c r="AK12" s="196"/>
    </row>
    <row r="13" spans="1:37" s="424" customFormat="1" ht="14.25" customHeight="1" x14ac:dyDescent="0.15">
      <c r="A13" s="615"/>
      <c r="B13" s="680"/>
      <c r="C13" s="448"/>
      <c r="D13" s="449"/>
      <c r="E13" s="452"/>
      <c r="F13" s="453"/>
      <c r="G13" s="452"/>
      <c r="H13" s="452"/>
      <c r="I13" s="452"/>
      <c r="J13" s="452"/>
      <c r="K13" s="452"/>
      <c r="L13" s="452"/>
      <c r="M13" s="452"/>
      <c r="N13" s="452"/>
      <c r="O13" s="452"/>
      <c r="P13" s="452"/>
      <c r="Q13" s="452"/>
      <c r="R13" s="452"/>
      <c r="S13" s="452"/>
      <c r="T13" s="452"/>
      <c r="U13" s="452"/>
      <c r="V13" s="452"/>
      <c r="W13" s="452"/>
      <c r="X13" s="452"/>
      <c r="Y13" s="452"/>
      <c r="Z13" s="452"/>
      <c r="AA13" s="452"/>
      <c r="AB13" s="452"/>
      <c r="AC13" s="452"/>
      <c r="AD13" s="452"/>
      <c r="AE13" s="452"/>
      <c r="AF13" s="452"/>
      <c r="AG13" s="452"/>
      <c r="AH13" s="452"/>
      <c r="AI13" s="452"/>
      <c r="AJ13" s="452"/>
      <c r="AK13" s="422"/>
    </row>
    <row r="14" spans="1:37" s="424" customFormat="1" ht="15" customHeight="1" x14ac:dyDescent="0.15">
      <c r="A14" s="615"/>
      <c r="B14" s="680"/>
      <c r="C14" s="448" t="s">
        <v>207</v>
      </c>
      <c r="D14" s="455" t="s">
        <v>231</v>
      </c>
      <c r="E14" s="450">
        <v>96.8</v>
      </c>
      <c r="F14" s="451">
        <v>-3.3</v>
      </c>
      <c r="G14" s="450">
        <v>95</v>
      </c>
      <c r="H14" s="450">
        <v>-17.7</v>
      </c>
      <c r="I14" s="450">
        <v>118.1</v>
      </c>
      <c r="J14" s="450">
        <v>16.100000000000001</v>
      </c>
      <c r="K14" s="450">
        <v>88</v>
      </c>
      <c r="L14" s="450">
        <v>32.700000000000003</v>
      </c>
      <c r="M14" s="450">
        <v>122.1</v>
      </c>
      <c r="N14" s="450">
        <v>18.100000000000001</v>
      </c>
      <c r="O14" s="450">
        <v>74</v>
      </c>
      <c r="P14" s="450">
        <v>-23.7</v>
      </c>
      <c r="Q14" s="450">
        <v>111.3</v>
      </c>
      <c r="R14" s="450">
        <v>14.7</v>
      </c>
      <c r="S14" s="450">
        <v>91.5</v>
      </c>
      <c r="T14" s="450">
        <v>-5.3</v>
      </c>
      <c r="U14" s="450">
        <v>115.3</v>
      </c>
      <c r="V14" s="450">
        <v>-23.1</v>
      </c>
      <c r="W14" s="450">
        <v>87.3</v>
      </c>
      <c r="X14" s="450">
        <v>-6.3</v>
      </c>
      <c r="Y14" s="450">
        <v>136.1</v>
      </c>
      <c r="Z14" s="450">
        <v>103.1</v>
      </c>
      <c r="AA14" s="450">
        <v>63.8</v>
      </c>
      <c r="AB14" s="450">
        <v>-24</v>
      </c>
      <c r="AC14" s="450">
        <v>67.5</v>
      </c>
      <c r="AD14" s="450">
        <v>-41.3</v>
      </c>
      <c r="AE14" s="450">
        <v>104.3</v>
      </c>
      <c r="AF14" s="450">
        <v>17.5</v>
      </c>
      <c r="AG14" s="450">
        <v>75.5</v>
      </c>
      <c r="AH14" s="450">
        <v>5.6</v>
      </c>
      <c r="AI14" s="450">
        <v>83.8</v>
      </c>
      <c r="AJ14" s="450">
        <v>-22.8</v>
      </c>
      <c r="AK14" s="422"/>
    </row>
    <row r="15" spans="1:37" s="454" customFormat="1" ht="15" customHeight="1" x14ac:dyDescent="0.15">
      <c r="A15" s="615"/>
      <c r="B15" s="680"/>
      <c r="C15" s="456" t="s">
        <v>0</v>
      </c>
      <c r="D15" s="455" t="s">
        <v>232</v>
      </c>
      <c r="E15" s="452">
        <v>103.2</v>
      </c>
      <c r="F15" s="453">
        <v>-1.1000000000000001</v>
      </c>
      <c r="G15" s="452">
        <v>126.6</v>
      </c>
      <c r="H15" s="452">
        <v>10.3</v>
      </c>
      <c r="I15" s="452">
        <v>123.6</v>
      </c>
      <c r="J15" s="452">
        <v>11.3</v>
      </c>
      <c r="K15" s="452">
        <v>86.5</v>
      </c>
      <c r="L15" s="452">
        <v>7.5</v>
      </c>
      <c r="M15" s="452">
        <v>122.1</v>
      </c>
      <c r="N15" s="452">
        <v>14.5</v>
      </c>
      <c r="O15" s="452">
        <v>81.599999999999994</v>
      </c>
      <c r="P15" s="452">
        <v>-14.6</v>
      </c>
      <c r="Q15" s="452">
        <v>112.9</v>
      </c>
      <c r="R15" s="452">
        <v>10.8</v>
      </c>
      <c r="S15" s="452">
        <v>108.5</v>
      </c>
      <c r="T15" s="452">
        <v>14.3</v>
      </c>
      <c r="U15" s="452">
        <v>132.9</v>
      </c>
      <c r="V15" s="452">
        <v>-10.6</v>
      </c>
      <c r="W15" s="452">
        <v>84.7</v>
      </c>
      <c r="X15" s="452">
        <v>-18.2</v>
      </c>
      <c r="Y15" s="452">
        <v>127.8</v>
      </c>
      <c r="Z15" s="452">
        <v>52.7</v>
      </c>
      <c r="AA15" s="452">
        <v>101.7</v>
      </c>
      <c r="AB15" s="452">
        <v>-8.6999999999999993</v>
      </c>
      <c r="AC15" s="452">
        <v>64.900000000000006</v>
      </c>
      <c r="AD15" s="452">
        <v>-41.6</v>
      </c>
      <c r="AE15" s="452">
        <v>110.6</v>
      </c>
      <c r="AF15" s="452">
        <v>21.8</v>
      </c>
      <c r="AG15" s="452">
        <v>75.5</v>
      </c>
      <c r="AH15" s="452">
        <v>-16.899999999999999</v>
      </c>
      <c r="AI15" s="452">
        <v>91.9</v>
      </c>
      <c r="AJ15" s="452">
        <v>-18.399999999999999</v>
      </c>
      <c r="AK15" s="196"/>
    </row>
    <row r="16" spans="1:37" s="424" customFormat="1" ht="15" customHeight="1" x14ac:dyDescent="0.15">
      <c r="A16" s="615"/>
      <c r="B16" s="680"/>
      <c r="C16" s="456" t="s">
        <v>0</v>
      </c>
      <c r="D16" s="455" t="s">
        <v>233</v>
      </c>
      <c r="E16" s="450">
        <v>97.9</v>
      </c>
      <c r="F16" s="451">
        <v>-0.1</v>
      </c>
      <c r="G16" s="450">
        <v>118</v>
      </c>
      <c r="H16" s="450">
        <v>-0.3</v>
      </c>
      <c r="I16" s="450">
        <v>118.1</v>
      </c>
      <c r="J16" s="450">
        <v>12.7</v>
      </c>
      <c r="K16" s="450">
        <v>82</v>
      </c>
      <c r="L16" s="450">
        <v>-1</v>
      </c>
      <c r="M16" s="450">
        <v>124.7</v>
      </c>
      <c r="N16" s="450">
        <v>25.5</v>
      </c>
      <c r="O16" s="450">
        <v>74</v>
      </c>
      <c r="P16" s="450">
        <v>-18</v>
      </c>
      <c r="Q16" s="450">
        <v>117.7</v>
      </c>
      <c r="R16" s="450">
        <v>23.2</v>
      </c>
      <c r="S16" s="450">
        <v>95.8</v>
      </c>
      <c r="T16" s="450">
        <v>-1.7</v>
      </c>
      <c r="U16" s="450">
        <v>123.5</v>
      </c>
      <c r="V16" s="450">
        <v>-17.600000000000001</v>
      </c>
      <c r="W16" s="450">
        <v>75.2</v>
      </c>
      <c r="X16" s="450">
        <v>-19.899999999999999</v>
      </c>
      <c r="Y16" s="450">
        <v>111.1</v>
      </c>
      <c r="Z16" s="450">
        <v>73.099999999999994</v>
      </c>
      <c r="AA16" s="450">
        <v>87.9</v>
      </c>
      <c r="AB16" s="450">
        <v>-5</v>
      </c>
      <c r="AC16" s="450">
        <v>53.2</v>
      </c>
      <c r="AD16" s="450">
        <v>-28.6</v>
      </c>
      <c r="AE16" s="450">
        <v>114.9</v>
      </c>
      <c r="AF16" s="450">
        <v>32.700000000000003</v>
      </c>
      <c r="AG16" s="450">
        <v>64.3</v>
      </c>
      <c r="AH16" s="450">
        <v>3.2</v>
      </c>
      <c r="AI16" s="450">
        <v>83.8</v>
      </c>
      <c r="AJ16" s="450">
        <v>-30.6</v>
      </c>
      <c r="AK16" s="422"/>
    </row>
    <row r="17" spans="1:37" s="454" customFormat="1" ht="15" customHeight="1" x14ac:dyDescent="0.15">
      <c r="A17" s="615"/>
      <c r="B17" s="680"/>
      <c r="C17" s="456" t="s">
        <v>0</v>
      </c>
      <c r="D17" s="455" t="s">
        <v>234</v>
      </c>
      <c r="E17" s="452">
        <v>102.1</v>
      </c>
      <c r="F17" s="453">
        <v>0.9</v>
      </c>
      <c r="G17" s="452">
        <v>118.7</v>
      </c>
      <c r="H17" s="452">
        <v>13.4</v>
      </c>
      <c r="I17" s="452">
        <v>122</v>
      </c>
      <c r="J17" s="452">
        <v>11.3</v>
      </c>
      <c r="K17" s="452">
        <v>99.2</v>
      </c>
      <c r="L17" s="452">
        <v>46.3</v>
      </c>
      <c r="M17" s="452">
        <v>129.19999999999999</v>
      </c>
      <c r="N17" s="452">
        <v>25</v>
      </c>
      <c r="O17" s="452">
        <v>78.900000000000006</v>
      </c>
      <c r="P17" s="452">
        <v>-19</v>
      </c>
      <c r="Q17" s="452">
        <v>114.5</v>
      </c>
      <c r="R17" s="452">
        <v>24.2</v>
      </c>
      <c r="S17" s="452">
        <v>101.7</v>
      </c>
      <c r="T17" s="452">
        <v>17.7</v>
      </c>
      <c r="U17" s="452">
        <v>130.6</v>
      </c>
      <c r="V17" s="452">
        <v>-3.9</v>
      </c>
      <c r="W17" s="452">
        <v>79</v>
      </c>
      <c r="X17" s="452">
        <v>-19.7</v>
      </c>
      <c r="Y17" s="452">
        <v>116.7</v>
      </c>
      <c r="Z17" s="452">
        <v>90.1</v>
      </c>
      <c r="AA17" s="452">
        <v>96.6</v>
      </c>
      <c r="AB17" s="452">
        <v>-10.6</v>
      </c>
      <c r="AC17" s="452">
        <v>93.5</v>
      </c>
      <c r="AD17" s="452">
        <v>-0.6</v>
      </c>
      <c r="AE17" s="452">
        <v>112.8</v>
      </c>
      <c r="AF17" s="452">
        <v>21.3</v>
      </c>
      <c r="AG17" s="452">
        <v>68.400000000000006</v>
      </c>
      <c r="AH17" s="452">
        <v>-1.4</v>
      </c>
      <c r="AI17" s="452">
        <v>89.9</v>
      </c>
      <c r="AJ17" s="452">
        <v>-26.2</v>
      </c>
      <c r="AK17" s="196"/>
    </row>
    <row r="18" spans="1:37" s="424" customFormat="1" ht="15" customHeight="1" x14ac:dyDescent="0.15">
      <c r="A18" s="615"/>
      <c r="B18" s="680"/>
      <c r="C18" s="456" t="s">
        <v>0</v>
      </c>
      <c r="D18" s="455" t="s">
        <v>235</v>
      </c>
      <c r="E18" s="450">
        <v>110.6</v>
      </c>
      <c r="F18" s="451">
        <v>1.8</v>
      </c>
      <c r="G18" s="450">
        <v>129.5</v>
      </c>
      <c r="H18" s="450">
        <v>13.5</v>
      </c>
      <c r="I18" s="450">
        <v>126.8</v>
      </c>
      <c r="J18" s="450">
        <v>11.7</v>
      </c>
      <c r="K18" s="450">
        <v>112.8</v>
      </c>
      <c r="L18" s="450">
        <v>48.4</v>
      </c>
      <c r="M18" s="450">
        <v>126.6</v>
      </c>
      <c r="N18" s="450">
        <v>21</v>
      </c>
      <c r="O18" s="450">
        <v>75.8</v>
      </c>
      <c r="P18" s="450">
        <v>-19.2</v>
      </c>
      <c r="Q18" s="450">
        <v>125.8</v>
      </c>
      <c r="R18" s="450">
        <v>9.5</v>
      </c>
      <c r="S18" s="450">
        <v>108.5</v>
      </c>
      <c r="T18" s="450">
        <v>9.5</v>
      </c>
      <c r="U18" s="450">
        <v>155.30000000000001</v>
      </c>
      <c r="V18" s="450">
        <v>2</v>
      </c>
      <c r="W18" s="450">
        <v>87.3</v>
      </c>
      <c r="X18" s="450">
        <v>-15.1</v>
      </c>
      <c r="Y18" s="450">
        <v>125</v>
      </c>
      <c r="Z18" s="450">
        <v>40</v>
      </c>
      <c r="AA18" s="450">
        <v>96.6</v>
      </c>
      <c r="AB18" s="450">
        <v>-19.399999999999999</v>
      </c>
      <c r="AC18" s="450">
        <v>83.1</v>
      </c>
      <c r="AD18" s="450">
        <v>-44.2</v>
      </c>
      <c r="AE18" s="450">
        <v>166</v>
      </c>
      <c r="AF18" s="450">
        <v>82.8</v>
      </c>
      <c r="AG18" s="450">
        <v>65.3</v>
      </c>
      <c r="AH18" s="450">
        <v>-1.7</v>
      </c>
      <c r="AI18" s="450">
        <v>92.9</v>
      </c>
      <c r="AJ18" s="450">
        <v>-16.7</v>
      </c>
      <c r="AK18" s="422"/>
    </row>
    <row r="19" spans="1:37" s="454" customFormat="1" ht="15" customHeight="1" x14ac:dyDescent="0.15">
      <c r="A19" s="615"/>
      <c r="B19" s="680"/>
      <c r="C19" s="456" t="s">
        <v>0</v>
      </c>
      <c r="D19" s="455" t="s">
        <v>236</v>
      </c>
      <c r="E19" s="452">
        <v>114.9</v>
      </c>
      <c r="F19" s="453">
        <v>2.8</v>
      </c>
      <c r="G19" s="452">
        <v>131.69999999999999</v>
      </c>
      <c r="H19" s="452">
        <v>6</v>
      </c>
      <c r="I19" s="452">
        <v>124.4</v>
      </c>
      <c r="J19" s="452">
        <v>0.6</v>
      </c>
      <c r="K19" s="452">
        <v>91.7</v>
      </c>
      <c r="L19" s="452">
        <v>41.7</v>
      </c>
      <c r="M19" s="452">
        <v>127.3</v>
      </c>
      <c r="N19" s="452">
        <v>19.399999999999999</v>
      </c>
      <c r="O19" s="452">
        <v>85.7</v>
      </c>
      <c r="P19" s="452">
        <v>-12.7</v>
      </c>
      <c r="Q19" s="452">
        <v>125.8</v>
      </c>
      <c r="R19" s="452">
        <v>19.600000000000001</v>
      </c>
      <c r="S19" s="452">
        <v>106.8</v>
      </c>
      <c r="T19" s="452">
        <v>8.6</v>
      </c>
      <c r="U19" s="452">
        <v>160</v>
      </c>
      <c r="V19" s="452">
        <v>1.9</v>
      </c>
      <c r="W19" s="452">
        <v>86.6</v>
      </c>
      <c r="X19" s="452">
        <v>-18.8</v>
      </c>
      <c r="Y19" s="452">
        <v>136.1</v>
      </c>
      <c r="Z19" s="452">
        <v>22</v>
      </c>
      <c r="AA19" s="452">
        <v>94.8</v>
      </c>
      <c r="AB19" s="452">
        <v>-24.3</v>
      </c>
      <c r="AC19" s="452">
        <v>136.4</v>
      </c>
      <c r="AD19" s="452">
        <v>0.4</v>
      </c>
      <c r="AE19" s="452">
        <v>170.2</v>
      </c>
      <c r="AF19" s="452">
        <v>87.4</v>
      </c>
      <c r="AG19" s="452">
        <v>80.599999999999994</v>
      </c>
      <c r="AH19" s="452">
        <v>-10.3</v>
      </c>
      <c r="AI19" s="452">
        <v>92.9</v>
      </c>
      <c r="AJ19" s="452">
        <v>-23.1</v>
      </c>
      <c r="AK19" s="196"/>
    </row>
    <row r="20" spans="1:37" s="424" customFormat="1" ht="15" customHeight="1" x14ac:dyDescent="0.15">
      <c r="A20" s="615"/>
      <c r="B20" s="680"/>
      <c r="C20" s="456" t="s">
        <v>0</v>
      </c>
      <c r="D20" s="455" t="s">
        <v>237</v>
      </c>
      <c r="E20" s="450">
        <v>113.8</v>
      </c>
      <c r="F20" s="451">
        <v>1.8</v>
      </c>
      <c r="G20" s="450">
        <v>129.5</v>
      </c>
      <c r="H20" s="450">
        <v>4.9000000000000004</v>
      </c>
      <c r="I20" s="450">
        <v>129.1</v>
      </c>
      <c r="J20" s="450">
        <v>9.9</v>
      </c>
      <c r="K20" s="450">
        <v>83.5</v>
      </c>
      <c r="L20" s="450">
        <v>19.3</v>
      </c>
      <c r="M20" s="450">
        <v>131.19999999999999</v>
      </c>
      <c r="N20" s="450">
        <v>20.8</v>
      </c>
      <c r="O20" s="450">
        <v>97.3</v>
      </c>
      <c r="P20" s="450">
        <v>-10.7</v>
      </c>
      <c r="Q20" s="450">
        <v>125.8</v>
      </c>
      <c r="R20" s="450">
        <v>14.4</v>
      </c>
      <c r="S20" s="450">
        <v>104.2</v>
      </c>
      <c r="T20" s="450">
        <v>6</v>
      </c>
      <c r="U20" s="450">
        <v>150.6</v>
      </c>
      <c r="V20" s="450">
        <v>-4.0999999999999996</v>
      </c>
      <c r="W20" s="450">
        <v>79.599999999999994</v>
      </c>
      <c r="X20" s="450">
        <v>-25.8</v>
      </c>
      <c r="Y20" s="450">
        <v>136.1</v>
      </c>
      <c r="Z20" s="450">
        <v>13.4</v>
      </c>
      <c r="AA20" s="450">
        <v>89.7</v>
      </c>
      <c r="AB20" s="450">
        <v>-33</v>
      </c>
      <c r="AC20" s="450">
        <v>88.3</v>
      </c>
      <c r="AD20" s="450">
        <v>-4.8</v>
      </c>
      <c r="AE20" s="450">
        <v>168.1</v>
      </c>
      <c r="AF20" s="450">
        <v>76.900000000000006</v>
      </c>
      <c r="AG20" s="450">
        <v>93.9</v>
      </c>
      <c r="AH20" s="450">
        <v>-18.600000000000001</v>
      </c>
      <c r="AI20" s="450">
        <v>92.9</v>
      </c>
      <c r="AJ20" s="450">
        <v>-27.3</v>
      </c>
      <c r="AK20" s="422"/>
    </row>
    <row r="21" spans="1:37" s="454" customFormat="1" ht="15" customHeight="1" x14ac:dyDescent="0.15">
      <c r="A21" s="615"/>
      <c r="B21" s="680"/>
      <c r="C21" s="456" t="s">
        <v>238</v>
      </c>
      <c r="D21" s="455" t="s">
        <v>239</v>
      </c>
      <c r="E21" s="452">
        <v>110.6</v>
      </c>
      <c r="F21" s="453">
        <v>18.2</v>
      </c>
      <c r="G21" s="452">
        <v>118.7</v>
      </c>
      <c r="H21" s="452">
        <v>27.9</v>
      </c>
      <c r="I21" s="452">
        <v>122</v>
      </c>
      <c r="J21" s="452">
        <v>7.6</v>
      </c>
      <c r="K21" s="452">
        <v>87.2</v>
      </c>
      <c r="L21" s="452">
        <v>8.3000000000000007</v>
      </c>
      <c r="M21" s="452">
        <v>125.3</v>
      </c>
      <c r="N21" s="452">
        <v>6.6</v>
      </c>
      <c r="O21" s="452">
        <v>89.7</v>
      </c>
      <c r="P21" s="452">
        <v>22</v>
      </c>
      <c r="Q21" s="452">
        <v>125.8</v>
      </c>
      <c r="R21" s="452">
        <v>20</v>
      </c>
      <c r="S21" s="452">
        <v>90.7</v>
      </c>
      <c r="T21" s="452">
        <v>7.1</v>
      </c>
      <c r="U21" s="452">
        <v>160</v>
      </c>
      <c r="V21" s="452">
        <v>54.6</v>
      </c>
      <c r="W21" s="452">
        <v>78.3</v>
      </c>
      <c r="X21" s="452">
        <v>0</v>
      </c>
      <c r="Y21" s="452">
        <v>144.4</v>
      </c>
      <c r="Z21" s="452">
        <v>36.700000000000003</v>
      </c>
      <c r="AA21" s="452">
        <v>103.4</v>
      </c>
      <c r="AB21" s="452">
        <v>71.5</v>
      </c>
      <c r="AC21" s="452">
        <v>133.80000000000001</v>
      </c>
      <c r="AD21" s="452">
        <v>56.1</v>
      </c>
      <c r="AE21" s="452">
        <v>144.69999999999999</v>
      </c>
      <c r="AF21" s="452">
        <v>38.700000000000003</v>
      </c>
      <c r="AG21" s="452">
        <v>98</v>
      </c>
      <c r="AH21" s="452">
        <v>28.1</v>
      </c>
      <c r="AI21" s="452">
        <v>82.8</v>
      </c>
      <c r="AJ21" s="452">
        <v>-12.8</v>
      </c>
      <c r="AK21" s="196"/>
    </row>
    <row r="22" spans="1:37" s="424" customFormat="1" ht="15" customHeight="1" x14ac:dyDescent="0.15">
      <c r="A22" s="615"/>
      <c r="B22" s="680"/>
      <c r="C22" s="456" t="s">
        <v>0</v>
      </c>
      <c r="D22" s="455" t="s">
        <v>240</v>
      </c>
      <c r="E22" s="450">
        <v>111.7</v>
      </c>
      <c r="F22" s="451">
        <v>11.7</v>
      </c>
      <c r="G22" s="450">
        <v>120.1</v>
      </c>
      <c r="H22" s="450">
        <v>-16.899999999999999</v>
      </c>
      <c r="I22" s="450">
        <v>133.9</v>
      </c>
      <c r="J22" s="450">
        <v>8.3000000000000007</v>
      </c>
      <c r="K22" s="450">
        <v>81.2</v>
      </c>
      <c r="L22" s="450">
        <v>9.1</v>
      </c>
      <c r="M22" s="450">
        <v>124.7</v>
      </c>
      <c r="N22" s="450">
        <v>5</v>
      </c>
      <c r="O22" s="450">
        <v>90.1</v>
      </c>
      <c r="P22" s="450">
        <v>23.3</v>
      </c>
      <c r="Q22" s="450">
        <v>124.2</v>
      </c>
      <c r="R22" s="450">
        <v>13.2</v>
      </c>
      <c r="S22" s="450">
        <v>87.3</v>
      </c>
      <c r="T22" s="450">
        <v>9.5</v>
      </c>
      <c r="U22" s="450">
        <v>178.8</v>
      </c>
      <c r="V22" s="450">
        <v>70.8</v>
      </c>
      <c r="W22" s="450">
        <v>87.3</v>
      </c>
      <c r="X22" s="450">
        <v>-2.1</v>
      </c>
      <c r="Y22" s="450">
        <v>150</v>
      </c>
      <c r="Z22" s="450">
        <v>63.6</v>
      </c>
      <c r="AA22" s="450">
        <v>91.4</v>
      </c>
      <c r="AB22" s="450">
        <v>82.8</v>
      </c>
      <c r="AC22" s="450">
        <v>122.1</v>
      </c>
      <c r="AD22" s="450">
        <v>36.299999999999997</v>
      </c>
      <c r="AE22" s="450">
        <v>136.19999999999999</v>
      </c>
      <c r="AF22" s="450">
        <v>36.200000000000003</v>
      </c>
      <c r="AG22" s="450">
        <v>117.3</v>
      </c>
      <c r="AH22" s="450">
        <v>105.4</v>
      </c>
      <c r="AI22" s="450">
        <v>84.8</v>
      </c>
      <c r="AJ22" s="450">
        <v>-11.7</v>
      </c>
      <c r="AK22" s="422"/>
    </row>
    <row r="23" spans="1:37" s="454" customFormat="1" ht="15" customHeight="1" x14ac:dyDescent="0.15">
      <c r="A23" s="615"/>
      <c r="B23" s="680"/>
      <c r="C23" s="456" t="s">
        <v>0</v>
      </c>
      <c r="D23" s="455" t="s">
        <v>241</v>
      </c>
      <c r="E23" s="452">
        <v>119.1</v>
      </c>
      <c r="F23" s="453">
        <v>11.9</v>
      </c>
      <c r="G23" s="452">
        <v>131.69999999999999</v>
      </c>
      <c r="H23" s="452">
        <v>-2.1</v>
      </c>
      <c r="I23" s="452">
        <v>126</v>
      </c>
      <c r="J23" s="452">
        <v>-2.4</v>
      </c>
      <c r="K23" s="452">
        <v>96.2</v>
      </c>
      <c r="L23" s="452">
        <v>0.7</v>
      </c>
      <c r="M23" s="452">
        <v>132.5</v>
      </c>
      <c r="N23" s="452">
        <v>6.9</v>
      </c>
      <c r="O23" s="452">
        <v>111.7</v>
      </c>
      <c r="P23" s="452">
        <v>43.2</v>
      </c>
      <c r="Q23" s="452">
        <v>127.4</v>
      </c>
      <c r="R23" s="452">
        <v>6.7</v>
      </c>
      <c r="S23" s="452">
        <v>93.2</v>
      </c>
      <c r="T23" s="452">
        <v>3.8</v>
      </c>
      <c r="U23" s="452">
        <v>191.8</v>
      </c>
      <c r="V23" s="452">
        <v>48.2</v>
      </c>
      <c r="W23" s="452">
        <v>93</v>
      </c>
      <c r="X23" s="452">
        <v>-3.9</v>
      </c>
      <c r="Y23" s="452">
        <v>152.80000000000001</v>
      </c>
      <c r="Z23" s="452">
        <v>52.8</v>
      </c>
      <c r="AA23" s="452">
        <v>96.6</v>
      </c>
      <c r="AB23" s="452">
        <v>40</v>
      </c>
      <c r="AC23" s="452">
        <v>141.6</v>
      </c>
      <c r="AD23" s="452">
        <v>43.5</v>
      </c>
      <c r="AE23" s="452">
        <v>144.69999999999999</v>
      </c>
      <c r="AF23" s="452">
        <v>41.7</v>
      </c>
      <c r="AG23" s="452">
        <v>86.7</v>
      </c>
      <c r="AH23" s="452">
        <v>0</v>
      </c>
      <c r="AI23" s="452">
        <v>92.9</v>
      </c>
      <c r="AJ23" s="452">
        <v>-9.8000000000000007</v>
      </c>
      <c r="AK23" s="196"/>
    </row>
    <row r="24" spans="1:37" s="424" customFormat="1" ht="15" customHeight="1" x14ac:dyDescent="0.15">
      <c r="A24" s="615"/>
      <c r="B24" s="680"/>
      <c r="C24" s="456" t="s">
        <v>0</v>
      </c>
      <c r="D24" s="455" t="s">
        <v>242</v>
      </c>
      <c r="E24" s="450">
        <v>113.8</v>
      </c>
      <c r="F24" s="451">
        <v>4.9000000000000004</v>
      </c>
      <c r="G24" s="450">
        <v>112.9</v>
      </c>
      <c r="H24" s="450">
        <v>-10.8</v>
      </c>
      <c r="I24" s="450">
        <v>127.6</v>
      </c>
      <c r="J24" s="450">
        <v>3.9</v>
      </c>
      <c r="K24" s="450">
        <v>88.7</v>
      </c>
      <c r="L24" s="450">
        <v>5.3</v>
      </c>
      <c r="M24" s="450">
        <v>129.19999999999999</v>
      </c>
      <c r="N24" s="450">
        <v>0.5</v>
      </c>
      <c r="O24" s="450">
        <v>110.8</v>
      </c>
      <c r="P24" s="450">
        <v>21.1</v>
      </c>
      <c r="Q24" s="450">
        <v>127.4</v>
      </c>
      <c r="R24" s="450">
        <v>-2.5</v>
      </c>
      <c r="S24" s="450">
        <v>87.3</v>
      </c>
      <c r="T24" s="450">
        <v>-6.3</v>
      </c>
      <c r="U24" s="450">
        <v>184.7</v>
      </c>
      <c r="V24" s="450">
        <v>35.299999999999997</v>
      </c>
      <c r="W24" s="450">
        <v>85.4</v>
      </c>
      <c r="X24" s="450">
        <v>-0.7</v>
      </c>
      <c r="Y24" s="450">
        <v>152.80000000000001</v>
      </c>
      <c r="Z24" s="450">
        <v>10</v>
      </c>
      <c r="AA24" s="450">
        <v>119</v>
      </c>
      <c r="AB24" s="450">
        <v>81.7</v>
      </c>
      <c r="AC24" s="450">
        <v>141.6</v>
      </c>
      <c r="AD24" s="450">
        <v>34.6</v>
      </c>
      <c r="AE24" s="450">
        <v>114.9</v>
      </c>
      <c r="AF24" s="450">
        <v>8</v>
      </c>
      <c r="AG24" s="450">
        <v>74.5</v>
      </c>
      <c r="AH24" s="450">
        <v>-25.5</v>
      </c>
      <c r="AI24" s="450">
        <v>85.9</v>
      </c>
      <c r="AJ24" s="450">
        <v>-7.5</v>
      </c>
      <c r="AK24" s="422"/>
    </row>
    <row r="25" spans="1:37" s="454" customFormat="1" ht="15" customHeight="1" x14ac:dyDescent="0.15">
      <c r="A25" s="615"/>
      <c r="B25" s="680"/>
      <c r="C25" s="456" t="s">
        <v>0</v>
      </c>
      <c r="D25" s="455" t="s">
        <v>243</v>
      </c>
      <c r="E25" s="452">
        <v>107.4</v>
      </c>
      <c r="F25" s="453">
        <v>13.4</v>
      </c>
      <c r="G25" s="452">
        <v>110.1</v>
      </c>
      <c r="H25" s="452">
        <v>10.9</v>
      </c>
      <c r="I25" s="452">
        <v>117.3</v>
      </c>
      <c r="J25" s="452">
        <v>9.5</v>
      </c>
      <c r="K25" s="452">
        <v>85</v>
      </c>
      <c r="L25" s="452">
        <v>1.8</v>
      </c>
      <c r="M25" s="452">
        <v>119.5</v>
      </c>
      <c r="N25" s="452">
        <v>-2.6</v>
      </c>
      <c r="O25" s="452">
        <v>98.7</v>
      </c>
      <c r="P25" s="452">
        <v>36.700000000000003</v>
      </c>
      <c r="Q25" s="452">
        <v>124.2</v>
      </c>
      <c r="R25" s="452">
        <v>4</v>
      </c>
      <c r="S25" s="452">
        <v>88.1</v>
      </c>
      <c r="T25" s="452">
        <v>-4.7</v>
      </c>
      <c r="U25" s="452">
        <v>161.19999999999999</v>
      </c>
      <c r="V25" s="452">
        <v>18.100000000000001</v>
      </c>
      <c r="W25" s="452">
        <v>84.1</v>
      </c>
      <c r="X25" s="452">
        <v>8.1999999999999993</v>
      </c>
      <c r="Y25" s="452">
        <v>147.19999999999999</v>
      </c>
      <c r="Z25" s="452">
        <v>-3.7</v>
      </c>
      <c r="AA25" s="452">
        <v>106.9</v>
      </c>
      <c r="AB25" s="452">
        <v>47.7</v>
      </c>
      <c r="AC25" s="452">
        <v>140.30000000000001</v>
      </c>
      <c r="AD25" s="452">
        <v>100.1</v>
      </c>
      <c r="AE25" s="452">
        <v>108.5</v>
      </c>
      <c r="AF25" s="452">
        <v>18.600000000000001</v>
      </c>
      <c r="AG25" s="452">
        <v>93.9</v>
      </c>
      <c r="AH25" s="452">
        <v>8.3000000000000007</v>
      </c>
      <c r="AI25" s="452">
        <v>80.8</v>
      </c>
      <c r="AJ25" s="452">
        <v>-3.6</v>
      </c>
      <c r="AK25" s="196"/>
    </row>
    <row r="26" spans="1:37" s="424" customFormat="1" ht="14.25" customHeight="1" x14ac:dyDescent="0.15">
      <c r="A26" s="615"/>
      <c r="B26" s="680"/>
      <c r="C26" s="448"/>
      <c r="D26" s="455"/>
      <c r="E26" s="493"/>
      <c r="F26" s="453"/>
      <c r="G26" s="452"/>
      <c r="H26" s="452"/>
      <c r="I26" s="493"/>
      <c r="J26" s="452"/>
      <c r="K26" s="493"/>
      <c r="L26" s="452"/>
      <c r="M26" s="493"/>
      <c r="N26" s="452"/>
      <c r="O26" s="493"/>
      <c r="P26" s="452"/>
      <c r="Q26" s="493"/>
      <c r="R26" s="452"/>
      <c r="S26" s="493"/>
      <c r="T26" s="452"/>
      <c r="U26" s="452"/>
      <c r="V26" s="452"/>
      <c r="W26" s="452"/>
      <c r="X26" s="452"/>
      <c r="Y26" s="452"/>
      <c r="Z26" s="452"/>
      <c r="AA26" s="452"/>
      <c r="AB26" s="452"/>
      <c r="AC26" s="493"/>
      <c r="AD26" s="452"/>
      <c r="AE26" s="493"/>
      <c r="AF26" s="452"/>
      <c r="AG26" s="493"/>
      <c r="AH26" s="452"/>
      <c r="AI26" s="493"/>
      <c r="AJ26" s="452"/>
      <c r="AK26" s="422"/>
    </row>
    <row r="27" spans="1:37" s="424" customFormat="1" ht="14.25" customHeight="1" x14ac:dyDescent="0.15">
      <c r="A27" s="615"/>
      <c r="B27" s="680"/>
      <c r="C27" s="448" t="s">
        <v>238</v>
      </c>
      <c r="D27" s="455" t="s">
        <v>231</v>
      </c>
      <c r="E27" s="450">
        <v>109.6</v>
      </c>
      <c r="F27" s="451">
        <v>13.2</v>
      </c>
      <c r="G27" s="450">
        <v>118</v>
      </c>
      <c r="H27" s="450">
        <v>24.2</v>
      </c>
      <c r="I27" s="450">
        <v>117.3</v>
      </c>
      <c r="J27" s="450">
        <v>-0.7</v>
      </c>
      <c r="K27" s="450">
        <v>87.2</v>
      </c>
      <c r="L27" s="450">
        <v>-0.9</v>
      </c>
      <c r="M27" s="450">
        <v>113</v>
      </c>
      <c r="N27" s="450">
        <v>-7.5</v>
      </c>
      <c r="O27" s="450">
        <v>104</v>
      </c>
      <c r="P27" s="450">
        <v>40.5</v>
      </c>
      <c r="Q27" s="450">
        <v>112.9</v>
      </c>
      <c r="R27" s="450">
        <v>1.4</v>
      </c>
      <c r="S27" s="450">
        <v>92.4</v>
      </c>
      <c r="T27" s="450">
        <v>1</v>
      </c>
      <c r="U27" s="450">
        <v>171.8</v>
      </c>
      <c r="V27" s="450">
        <v>49</v>
      </c>
      <c r="W27" s="450">
        <v>84.7</v>
      </c>
      <c r="X27" s="450">
        <v>-3</v>
      </c>
      <c r="Y27" s="450">
        <v>136.1</v>
      </c>
      <c r="Z27" s="450">
        <v>0</v>
      </c>
      <c r="AA27" s="450">
        <v>101.7</v>
      </c>
      <c r="AB27" s="450">
        <v>59.4</v>
      </c>
      <c r="AC27" s="450">
        <v>141.6</v>
      </c>
      <c r="AD27" s="450">
        <v>109.8</v>
      </c>
      <c r="AE27" s="450">
        <v>140.4</v>
      </c>
      <c r="AF27" s="450">
        <v>34.6</v>
      </c>
      <c r="AG27" s="450">
        <v>74.5</v>
      </c>
      <c r="AH27" s="450">
        <v>-1.3</v>
      </c>
      <c r="AI27" s="450">
        <v>86.9</v>
      </c>
      <c r="AJ27" s="450">
        <v>3.7</v>
      </c>
      <c r="AK27" s="422"/>
    </row>
    <row r="28" spans="1:37" s="424" customFormat="1" ht="11.25" customHeight="1" x14ac:dyDescent="0.15">
      <c r="A28" s="615"/>
      <c r="B28" s="681"/>
      <c r="C28" s="457"/>
      <c r="D28" s="458"/>
      <c r="E28" s="452"/>
      <c r="F28" s="453"/>
      <c r="G28" s="452"/>
      <c r="H28" s="452"/>
      <c r="I28" s="452"/>
      <c r="J28" s="452"/>
      <c r="K28" s="452"/>
      <c r="L28" s="452"/>
      <c r="M28" s="452"/>
      <c r="N28" s="452"/>
      <c r="O28" s="452"/>
      <c r="P28" s="452"/>
      <c r="Q28" s="452"/>
      <c r="R28" s="452"/>
      <c r="S28" s="452"/>
      <c r="T28" s="452"/>
      <c r="U28" s="452"/>
      <c r="V28" s="452"/>
      <c r="W28" s="452"/>
      <c r="X28" s="452"/>
      <c r="Y28" s="452"/>
      <c r="Z28" s="452"/>
      <c r="AA28" s="452"/>
      <c r="AB28" s="452"/>
      <c r="AC28" s="452"/>
      <c r="AD28" s="452"/>
      <c r="AE28" s="452"/>
      <c r="AF28" s="452"/>
      <c r="AG28" s="452"/>
      <c r="AH28" s="452"/>
      <c r="AI28" s="452"/>
      <c r="AJ28" s="452"/>
      <c r="AK28" s="422"/>
    </row>
    <row r="29" spans="1:37" s="424" customFormat="1" ht="11.25" customHeight="1" x14ac:dyDescent="0.15">
      <c r="A29" s="615"/>
      <c r="B29" s="459"/>
      <c r="C29" s="460"/>
      <c r="D29" s="461"/>
      <c r="E29" s="462"/>
      <c r="F29" s="463"/>
      <c r="G29" s="462"/>
      <c r="H29" s="462"/>
      <c r="I29" s="462"/>
      <c r="J29" s="462"/>
      <c r="K29" s="462"/>
      <c r="L29" s="462"/>
      <c r="M29" s="462"/>
      <c r="N29" s="462"/>
      <c r="O29" s="462"/>
      <c r="P29" s="462"/>
      <c r="Q29" s="462"/>
      <c r="R29" s="462"/>
      <c r="S29" s="462"/>
      <c r="T29" s="462"/>
      <c r="U29" s="462"/>
      <c r="V29" s="462"/>
      <c r="W29" s="462"/>
      <c r="X29" s="462"/>
      <c r="Y29" s="462"/>
      <c r="Z29" s="462"/>
      <c r="AA29" s="462"/>
      <c r="AB29" s="462"/>
      <c r="AC29" s="462"/>
      <c r="AD29" s="462"/>
      <c r="AE29" s="462"/>
      <c r="AF29" s="462"/>
      <c r="AG29" s="462"/>
      <c r="AH29" s="462"/>
      <c r="AI29" s="462"/>
      <c r="AJ29" s="462"/>
      <c r="AK29" s="422"/>
    </row>
    <row r="30" spans="1:37" s="424" customFormat="1" ht="14.25" customHeight="1" x14ac:dyDescent="0.15">
      <c r="A30" s="615"/>
      <c r="B30" s="472"/>
      <c r="C30" s="448" t="s">
        <v>226</v>
      </c>
      <c r="D30" s="449" t="s">
        <v>227</v>
      </c>
      <c r="E30" s="450">
        <v>127</v>
      </c>
      <c r="F30" s="451">
        <v>8</v>
      </c>
      <c r="G30" s="450">
        <v>108.7</v>
      </c>
      <c r="H30" s="450">
        <v>50.4</v>
      </c>
      <c r="I30" s="450">
        <v>117</v>
      </c>
      <c r="J30" s="450">
        <v>-2.6</v>
      </c>
      <c r="K30" s="450">
        <v>99.2</v>
      </c>
      <c r="L30" s="450">
        <v>10.4</v>
      </c>
      <c r="M30" s="450">
        <v>97.6</v>
      </c>
      <c r="N30" s="450">
        <v>-24</v>
      </c>
      <c r="O30" s="450">
        <v>120.7</v>
      </c>
      <c r="P30" s="450">
        <v>14.6</v>
      </c>
      <c r="Q30" s="450">
        <v>121.8</v>
      </c>
      <c r="R30" s="450">
        <v>-12.5</v>
      </c>
      <c r="S30" s="450">
        <v>109.2</v>
      </c>
      <c r="T30" s="450">
        <v>8.1</v>
      </c>
      <c r="U30" s="450">
        <v>140.6</v>
      </c>
      <c r="V30" s="450">
        <v>6.8</v>
      </c>
      <c r="W30" s="450">
        <v>107.3</v>
      </c>
      <c r="X30" s="450">
        <v>15</v>
      </c>
      <c r="Y30" s="450">
        <v>153.80000000000001</v>
      </c>
      <c r="Z30" s="450">
        <v>5.4</v>
      </c>
      <c r="AA30" s="450">
        <v>129.4</v>
      </c>
      <c r="AB30" s="450">
        <v>3.5</v>
      </c>
      <c r="AC30" s="450">
        <v>195</v>
      </c>
      <c r="AD30" s="450">
        <v>39.9</v>
      </c>
      <c r="AE30" s="450">
        <v>156.19999999999999</v>
      </c>
      <c r="AF30" s="450">
        <v>18</v>
      </c>
      <c r="AG30" s="450">
        <v>118.6</v>
      </c>
      <c r="AH30" s="450">
        <v>110.2</v>
      </c>
      <c r="AI30" s="450">
        <v>128</v>
      </c>
      <c r="AJ30" s="450">
        <v>9.8000000000000007</v>
      </c>
      <c r="AK30" s="422"/>
    </row>
    <row r="31" spans="1:37" s="454" customFormat="1" ht="14.25" customHeight="1" x14ac:dyDescent="0.15">
      <c r="A31" s="615"/>
      <c r="B31" s="479"/>
      <c r="C31" s="448" t="s">
        <v>226</v>
      </c>
      <c r="D31" s="449" t="s">
        <v>228</v>
      </c>
      <c r="E31" s="452">
        <v>100</v>
      </c>
      <c r="F31" s="453">
        <v>-21.3</v>
      </c>
      <c r="G31" s="452">
        <v>100</v>
      </c>
      <c r="H31" s="452">
        <v>-8</v>
      </c>
      <c r="I31" s="452">
        <v>100</v>
      </c>
      <c r="J31" s="452">
        <v>-14.4</v>
      </c>
      <c r="K31" s="452">
        <v>100</v>
      </c>
      <c r="L31" s="452">
        <v>0.9</v>
      </c>
      <c r="M31" s="452">
        <v>100</v>
      </c>
      <c r="N31" s="452">
        <v>2.6</v>
      </c>
      <c r="O31" s="452">
        <v>100</v>
      </c>
      <c r="P31" s="452">
        <v>-17.2</v>
      </c>
      <c r="Q31" s="452">
        <v>100</v>
      </c>
      <c r="R31" s="452">
        <v>-17.899999999999999</v>
      </c>
      <c r="S31" s="452">
        <v>100</v>
      </c>
      <c r="T31" s="452">
        <v>-8.4</v>
      </c>
      <c r="U31" s="452">
        <v>100</v>
      </c>
      <c r="V31" s="452">
        <v>-28.9</v>
      </c>
      <c r="W31" s="452">
        <v>100</v>
      </c>
      <c r="X31" s="452">
        <v>-6.8</v>
      </c>
      <c r="Y31" s="452">
        <v>100</v>
      </c>
      <c r="Z31" s="452">
        <v>-35</v>
      </c>
      <c r="AA31" s="452">
        <v>100</v>
      </c>
      <c r="AB31" s="452">
        <v>-22.7</v>
      </c>
      <c r="AC31" s="452">
        <v>100</v>
      </c>
      <c r="AD31" s="452">
        <v>-48.7</v>
      </c>
      <c r="AE31" s="452">
        <v>100</v>
      </c>
      <c r="AF31" s="452">
        <v>-36</v>
      </c>
      <c r="AG31" s="452">
        <v>100</v>
      </c>
      <c r="AH31" s="452">
        <v>-15.6</v>
      </c>
      <c r="AI31" s="452">
        <v>100</v>
      </c>
      <c r="AJ31" s="452">
        <v>-21.9</v>
      </c>
      <c r="AK31" s="196"/>
    </row>
    <row r="32" spans="1:37" s="424" customFormat="1" ht="14.25" customHeight="1" x14ac:dyDescent="0.15">
      <c r="A32" s="615"/>
      <c r="B32" s="472"/>
      <c r="C32" s="448" t="s">
        <v>226</v>
      </c>
      <c r="D32" s="449" t="s">
        <v>229</v>
      </c>
      <c r="E32" s="450">
        <v>105.4</v>
      </c>
      <c r="F32" s="451">
        <v>5.3</v>
      </c>
      <c r="G32" s="450">
        <v>119.2</v>
      </c>
      <c r="H32" s="450">
        <v>19.2</v>
      </c>
      <c r="I32" s="450">
        <v>102.5</v>
      </c>
      <c r="J32" s="450">
        <v>2.4</v>
      </c>
      <c r="K32" s="450">
        <v>78.2</v>
      </c>
      <c r="L32" s="450">
        <v>-21.8</v>
      </c>
      <c r="M32" s="450">
        <v>117.7</v>
      </c>
      <c r="N32" s="450">
        <v>17.600000000000001</v>
      </c>
      <c r="O32" s="450">
        <v>105</v>
      </c>
      <c r="P32" s="450">
        <v>5</v>
      </c>
      <c r="Q32" s="450">
        <v>103.7</v>
      </c>
      <c r="R32" s="450">
        <v>3.7</v>
      </c>
      <c r="S32" s="450">
        <v>88.3</v>
      </c>
      <c r="T32" s="450">
        <v>-11.6</v>
      </c>
      <c r="U32" s="450">
        <v>116.8</v>
      </c>
      <c r="V32" s="450">
        <v>16.8</v>
      </c>
      <c r="W32" s="450">
        <v>105.2</v>
      </c>
      <c r="X32" s="450">
        <v>5.2</v>
      </c>
      <c r="Y32" s="450">
        <v>91.6</v>
      </c>
      <c r="Z32" s="450">
        <v>-8.3000000000000007</v>
      </c>
      <c r="AA32" s="450">
        <v>99.4</v>
      </c>
      <c r="AB32" s="450">
        <v>-0.5</v>
      </c>
      <c r="AC32" s="450">
        <v>119.6</v>
      </c>
      <c r="AD32" s="450">
        <v>19.600000000000001</v>
      </c>
      <c r="AE32" s="450">
        <v>90.4</v>
      </c>
      <c r="AF32" s="450">
        <v>-9.6</v>
      </c>
      <c r="AG32" s="450">
        <v>100.1</v>
      </c>
      <c r="AH32" s="450">
        <v>0.1</v>
      </c>
      <c r="AI32" s="450">
        <v>111.5</v>
      </c>
      <c r="AJ32" s="450">
        <v>11.6</v>
      </c>
      <c r="AK32" s="422"/>
    </row>
    <row r="33" spans="1:37" s="454" customFormat="1" ht="14.25" customHeight="1" x14ac:dyDescent="0.15">
      <c r="A33" s="615"/>
      <c r="B33" s="479"/>
      <c r="C33" s="448" t="s">
        <v>226</v>
      </c>
      <c r="D33" s="449" t="s">
        <v>230</v>
      </c>
      <c r="E33" s="452">
        <v>107.9</v>
      </c>
      <c r="F33" s="453">
        <v>2.4</v>
      </c>
      <c r="G33" s="452">
        <v>120.7</v>
      </c>
      <c r="H33" s="452">
        <v>1.3</v>
      </c>
      <c r="I33" s="452">
        <v>115</v>
      </c>
      <c r="J33" s="452">
        <v>12.2</v>
      </c>
      <c r="K33" s="452">
        <v>92.2</v>
      </c>
      <c r="L33" s="452">
        <v>17.899999999999999</v>
      </c>
      <c r="M33" s="452">
        <v>136.19999999999999</v>
      </c>
      <c r="N33" s="452">
        <v>15.7</v>
      </c>
      <c r="O33" s="452">
        <v>92.4</v>
      </c>
      <c r="P33" s="452">
        <v>-12</v>
      </c>
      <c r="Q33" s="452">
        <v>136.1</v>
      </c>
      <c r="R33" s="452">
        <v>31.2</v>
      </c>
      <c r="S33" s="452">
        <v>76.8</v>
      </c>
      <c r="T33" s="452">
        <v>-13</v>
      </c>
      <c r="U33" s="452">
        <v>129.9</v>
      </c>
      <c r="V33" s="452">
        <v>11.2</v>
      </c>
      <c r="W33" s="452">
        <v>85.6</v>
      </c>
      <c r="X33" s="452">
        <v>-18.600000000000001</v>
      </c>
      <c r="Y33" s="452">
        <v>148.4</v>
      </c>
      <c r="Z33" s="452">
        <v>62</v>
      </c>
      <c r="AA33" s="452">
        <v>74.900000000000006</v>
      </c>
      <c r="AB33" s="452">
        <v>-24.6</v>
      </c>
      <c r="AC33" s="452">
        <v>80.400000000000006</v>
      </c>
      <c r="AD33" s="452">
        <v>-32.799999999999997</v>
      </c>
      <c r="AE33" s="452">
        <v>133.6</v>
      </c>
      <c r="AF33" s="452">
        <v>47.8</v>
      </c>
      <c r="AG33" s="466">
        <v>113.1</v>
      </c>
      <c r="AH33" s="466">
        <v>13</v>
      </c>
      <c r="AI33" s="452">
        <v>95.4</v>
      </c>
      <c r="AJ33" s="452">
        <v>-14.4</v>
      </c>
      <c r="AK33" s="196"/>
    </row>
    <row r="34" spans="1:37" s="424" customFormat="1" ht="14.25" customHeight="1" x14ac:dyDescent="0.15">
      <c r="A34" s="615"/>
      <c r="B34" s="472"/>
      <c r="C34" s="448"/>
      <c r="D34" s="449"/>
      <c r="E34" s="452"/>
      <c r="F34" s="453"/>
      <c r="G34" s="452"/>
      <c r="H34" s="452"/>
      <c r="I34" s="452"/>
      <c r="J34" s="452"/>
      <c r="K34" s="452"/>
      <c r="L34" s="452"/>
      <c r="M34" s="452"/>
      <c r="N34" s="452"/>
      <c r="O34" s="452"/>
      <c r="P34" s="452"/>
      <c r="Q34" s="452"/>
      <c r="R34" s="452"/>
      <c r="S34" s="452"/>
      <c r="T34" s="452"/>
      <c r="U34" s="452"/>
      <c r="V34" s="452"/>
      <c r="W34" s="452"/>
      <c r="X34" s="452"/>
      <c r="Y34" s="452"/>
      <c r="Z34" s="452"/>
      <c r="AA34" s="452"/>
      <c r="AB34" s="452"/>
      <c r="AC34" s="452"/>
      <c r="AD34" s="452"/>
      <c r="AE34" s="452"/>
      <c r="AF34" s="452"/>
      <c r="AG34" s="466"/>
      <c r="AH34" s="466"/>
      <c r="AI34" s="452"/>
      <c r="AJ34" s="452"/>
      <c r="AK34" s="422"/>
    </row>
    <row r="35" spans="1:37" s="424" customFormat="1" ht="15" customHeight="1" x14ac:dyDescent="0.15">
      <c r="A35" s="615"/>
      <c r="B35" s="682" t="s">
        <v>47</v>
      </c>
      <c r="C35" s="448" t="s">
        <v>207</v>
      </c>
      <c r="D35" s="455" t="s">
        <v>231</v>
      </c>
      <c r="E35" s="450">
        <v>101.9</v>
      </c>
      <c r="F35" s="451">
        <v>-0.5</v>
      </c>
      <c r="G35" s="450">
        <v>89.5</v>
      </c>
      <c r="H35" s="450">
        <v>-21.1</v>
      </c>
      <c r="I35" s="450">
        <v>113.4</v>
      </c>
      <c r="J35" s="450">
        <v>17</v>
      </c>
      <c r="K35" s="450">
        <v>91.8</v>
      </c>
      <c r="L35" s="450">
        <v>27.9</v>
      </c>
      <c r="M35" s="450">
        <v>133.80000000000001</v>
      </c>
      <c r="N35" s="450">
        <v>16.8</v>
      </c>
      <c r="O35" s="450">
        <v>87.3</v>
      </c>
      <c r="P35" s="450">
        <v>-16.2</v>
      </c>
      <c r="Q35" s="450">
        <v>131.1</v>
      </c>
      <c r="R35" s="450">
        <v>36</v>
      </c>
      <c r="S35" s="450">
        <v>74.599999999999994</v>
      </c>
      <c r="T35" s="450">
        <v>-22</v>
      </c>
      <c r="U35" s="450">
        <v>121.3</v>
      </c>
      <c r="V35" s="450">
        <v>3.9</v>
      </c>
      <c r="W35" s="450">
        <v>89.9</v>
      </c>
      <c r="X35" s="450">
        <v>-14.9</v>
      </c>
      <c r="Y35" s="450">
        <v>154.1</v>
      </c>
      <c r="Z35" s="450">
        <v>82.4</v>
      </c>
      <c r="AA35" s="450">
        <v>74</v>
      </c>
      <c r="AB35" s="450">
        <v>-22.4</v>
      </c>
      <c r="AC35" s="450">
        <v>64.5</v>
      </c>
      <c r="AD35" s="450">
        <v>-44.4</v>
      </c>
      <c r="AE35" s="450">
        <v>110.9</v>
      </c>
      <c r="AF35" s="450">
        <v>22</v>
      </c>
      <c r="AG35" s="465">
        <v>104.7</v>
      </c>
      <c r="AH35" s="465">
        <v>19</v>
      </c>
      <c r="AI35" s="450">
        <v>90.2</v>
      </c>
      <c r="AJ35" s="450">
        <v>-16.899999999999999</v>
      </c>
      <c r="AK35" s="422"/>
    </row>
    <row r="36" spans="1:37" s="454" customFormat="1" ht="15" customHeight="1" x14ac:dyDescent="0.15">
      <c r="A36" s="615"/>
      <c r="B36" s="682"/>
      <c r="C36" s="456" t="s">
        <v>0</v>
      </c>
      <c r="D36" s="455" t="s">
        <v>232</v>
      </c>
      <c r="E36" s="452">
        <v>104.7</v>
      </c>
      <c r="F36" s="453">
        <v>-0.5</v>
      </c>
      <c r="G36" s="452">
        <v>129.69999999999999</v>
      </c>
      <c r="H36" s="452">
        <v>11</v>
      </c>
      <c r="I36" s="452">
        <v>113.4</v>
      </c>
      <c r="J36" s="452">
        <v>9</v>
      </c>
      <c r="K36" s="452">
        <v>86.6</v>
      </c>
      <c r="L36" s="452">
        <v>-1.7</v>
      </c>
      <c r="M36" s="452">
        <v>133.1</v>
      </c>
      <c r="N36" s="452">
        <v>14.2</v>
      </c>
      <c r="O36" s="452">
        <v>91</v>
      </c>
      <c r="P36" s="452">
        <v>-15.3</v>
      </c>
      <c r="Q36" s="452">
        <v>131.1</v>
      </c>
      <c r="R36" s="452">
        <v>23.4</v>
      </c>
      <c r="S36" s="452">
        <v>79.900000000000006</v>
      </c>
      <c r="T36" s="452">
        <v>0.9</v>
      </c>
      <c r="U36" s="452">
        <v>127.5</v>
      </c>
      <c r="V36" s="452">
        <v>2.4</v>
      </c>
      <c r="W36" s="452">
        <v>88.1</v>
      </c>
      <c r="X36" s="452">
        <v>-18</v>
      </c>
      <c r="Y36" s="452">
        <v>164.9</v>
      </c>
      <c r="Z36" s="452">
        <v>51.1</v>
      </c>
      <c r="AA36" s="452">
        <v>80.8</v>
      </c>
      <c r="AB36" s="452">
        <v>-23</v>
      </c>
      <c r="AC36" s="452">
        <v>50.5</v>
      </c>
      <c r="AD36" s="452">
        <v>-53</v>
      </c>
      <c r="AE36" s="452">
        <v>112.7</v>
      </c>
      <c r="AF36" s="452">
        <v>26.5</v>
      </c>
      <c r="AG36" s="466">
        <v>125.2</v>
      </c>
      <c r="AH36" s="466">
        <v>7.9</v>
      </c>
      <c r="AI36" s="452">
        <v>97.8</v>
      </c>
      <c r="AJ36" s="452">
        <v>-6.3</v>
      </c>
      <c r="AK36" s="196"/>
    </row>
    <row r="37" spans="1:37" s="424" customFormat="1" ht="15" customHeight="1" x14ac:dyDescent="0.15">
      <c r="A37" s="615"/>
      <c r="B37" s="682"/>
      <c r="C37" s="456" t="s">
        <v>0</v>
      </c>
      <c r="D37" s="455" t="s">
        <v>233</v>
      </c>
      <c r="E37" s="450">
        <v>98.1</v>
      </c>
      <c r="F37" s="451">
        <v>0.3</v>
      </c>
      <c r="G37" s="450">
        <v>100.5</v>
      </c>
      <c r="H37" s="450">
        <v>-16</v>
      </c>
      <c r="I37" s="450">
        <v>106.3</v>
      </c>
      <c r="J37" s="450">
        <v>8.1</v>
      </c>
      <c r="K37" s="450">
        <v>88.8</v>
      </c>
      <c r="L37" s="450">
        <v>-4.2</v>
      </c>
      <c r="M37" s="450">
        <v>131.1</v>
      </c>
      <c r="N37" s="450">
        <v>18.399999999999999</v>
      </c>
      <c r="O37" s="450">
        <v>81.099999999999994</v>
      </c>
      <c r="P37" s="450">
        <v>-17.2</v>
      </c>
      <c r="Q37" s="450">
        <v>136.1</v>
      </c>
      <c r="R37" s="450">
        <v>32.1</v>
      </c>
      <c r="S37" s="450">
        <v>73.900000000000006</v>
      </c>
      <c r="T37" s="450">
        <v>-12.4</v>
      </c>
      <c r="U37" s="450">
        <v>125</v>
      </c>
      <c r="V37" s="450">
        <v>8</v>
      </c>
      <c r="W37" s="450">
        <v>78.599999999999994</v>
      </c>
      <c r="X37" s="450">
        <v>-20.100000000000001</v>
      </c>
      <c r="Y37" s="450">
        <v>143.19999999999999</v>
      </c>
      <c r="Z37" s="450">
        <v>64</v>
      </c>
      <c r="AA37" s="450">
        <v>71.2</v>
      </c>
      <c r="AB37" s="450">
        <v>-29.4</v>
      </c>
      <c r="AC37" s="450">
        <v>37.4</v>
      </c>
      <c r="AD37" s="450">
        <v>-45.2</v>
      </c>
      <c r="AE37" s="450">
        <v>123.6</v>
      </c>
      <c r="AF37" s="450">
        <v>44.7</v>
      </c>
      <c r="AG37" s="465">
        <v>102.8</v>
      </c>
      <c r="AH37" s="465">
        <v>42.8</v>
      </c>
      <c r="AI37" s="450">
        <v>89.1</v>
      </c>
      <c r="AJ37" s="450">
        <v>-21.2</v>
      </c>
      <c r="AK37" s="422"/>
    </row>
    <row r="38" spans="1:37" s="454" customFormat="1" ht="15" customHeight="1" x14ac:dyDescent="0.15">
      <c r="A38" s="615"/>
      <c r="B38" s="682"/>
      <c r="C38" s="456" t="s">
        <v>0</v>
      </c>
      <c r="D38" s="455" t="s">
        <v>234</v>
      </c>
      <c r="E38" s="452">
        <v>107.5</v>
      </c>
      <c r="F38" s="453">
        <v>5</v>
      </c>
      <c r="G38" s="452">
        <v>126.3</v>
      </c>
      <c r="H38" s="452">
        <v>15.8</v>
      </c>
      <c r="I38" s="452">
        <v>113.4</v>
      </c>
      <c r="J38" s="452">
        <v>11.4</v>
      </c>
      <c r="K38" s="452">
        <v>106</v>
      </c>
      <c r="L38" s="452">
        <v>52.5</v>
      </c>
      <c r="M38" s="452">
        <v>137.1</v>
      </c>
      <c r="N38" s="452">
        <v>21.8</v>
      </c>
      <c r="O38" s="452">
        <v>92.9</v>
      </c>
      <c r="P38" s="452">
        <v>-13.9</v>
      </c>
      <c r="Q38" s="452">
        <v>132.80000000000001</v>
      </c>
      <c r="R38" s="452">
        <v>37.799999999999997</v>
      </c>
      <c r="S38" s="452">
        <v>80.599999999999994</v>
      </c>
      <c r="T38" s="452">
        <v>16</v>
      </c>
      <c r="U38" s="452">
        <v>120</v>
      </c>
      <c r="V38" s="452">
        <v>19.399999999999999</v>
      </c>
      <c r="W38" s="452">
        <v>83.3</v>
      </c>
      <c r="X38" s="452">
        <v>-22.4</v>
      </c>
      <c r="Y38" s="452">
        <v>140.5</v>
      </c>
      <c r="Z38" s="452">
        <v>66.3</v>
      </c>
      <c r="AA38" s="452">
        <v>87.7</v>
      </c>
      <c r="AB38" s="452">
        <v>-18.600000000000001</v>
      </c>
      <c r="AC38" s="452">
        <v>82.2</v>
      </c>
      <c r="AD38" s="452">
        <v>-12.1</v>
      </c>
      <c r="AE38" s="452">
        <v>121.8</v>
      </c>
      <c r="AF38" s="452">
        <v>34</v>
      </c>
      <c r="AG38" s="466">
        <v>96.3</v>
      </c>
      <c r="AH38" s="466">
        <v>11.8</v>
      </c>
      <c r="AI38" s="452">
        <v>97.8</v>
      </c>
      <c r="AJ38" s="452">
        <v>-13.5</v>
      </c>
      <c r="AK38" s="196"/>
    </row>
    <row r="39" spans="1:37" s="424" customFormat="1" ht="15" customHeight="1" x14ac:dyDescent="0.15">
      <c r="A39" s="615"/>
      <c r="B39" s="682"/>
      <c r="C39" s="456" t="s">
        <v>0</v>
      </c>
      <c r="D39" s="455" t="s">
        <v>235</v>
      </c>
      <c r="E39" s="450">
        <v>115.9</v>
      </c>
      <c r="F39" s="451">
        <v>6.3</v>
      </c>
      <c r="G39" s="450">
        <v>131.6</v>
      </c>
      <c r="H39" s="450">
        <v>5</v>
      </c>
      <c r="I39" s="450">
        <v>121.1</v>
      </c>
      <c r="J39" s="450">
        <v>12</v>
      </c>
      <c r="K39" s="450">
        <v>109.7</v>
      </c>
      <c r="L39" s="450">
        <v>38.5</v>
      </c>
      <c r="M39" s="450">
        <v>134.4</v>
      </c>
      <c r="N39" s="450">
        <v>15.4</v>
      </c>
      <c r="O39" s="450">
        <v>88.7</v>
      </c>
      <c r="P39" s="450">
        <v>-12.1</v>
      </c>
      <c r="Q39" s="450">
        <v>152.5</v>
      </c>
      <c r="R39" s="450">
        <v>29.6</v>
      </c>
      <c r="S39" s="450">
        <v>83.6</v>
      </c>
      <c r="T39" s="450">
        <v>-9</v>
      </c>
      <c r="U39" s="450">
        <v>131.30000000000001</v>
      </c>
      <c r="V39" s="450">
        <v>34</v>
      </c>
      <c r="W39" s="450">
        <v>87.5</v>
      </c>
      <c r="X39" s="450">
        <v>-19</v>
      </c>
      <c r="Y39" s="450">
        <v>156.80000000000001</v>
      </c>
      <c r="Z39" s="450">
        <v>51.4</v>
      </c>
      <c r="AA39" s="450">
        <v>68.5</v>
      </c>
      <c r="AB39" s="450">
        <v>-36.5</v>
      </c>
      <c r="AC39" s="450">
        <v>67.3</v>
      </c>
      <c r="AD39" s="450">
        <v>-54.7</v>
      </c>
      <c r="AE39" s="450">
        <v>200</v>
      </c>
      <c r="AF39" s="450">
        <v>134.19999999999999</v>
      </c>
      <c r="AG39" s="465">
        <v>96.3</v>
      </c>
      <c r="AH39" s="465">
        <v>15.7</v>
      </c>
      <c r="AI39" s="450">
        <v>97.8</v>
      </c>
      <c r="AJ39" s="450">
        <v>-9.9</v>
      </c>
      <c r="AK39" s="422"/>
    </row>
    <row r="40" spans="1:37" s="454" customFormat="1" ht="15" customHeight="1" x14ac:dyDescent="0.15">
      <c r="A40" s="615"/>
      <c r="B40" s="23">
        <v>30</v>
      </c>
      <c r="C40" s="456" t="s">
        <v>0</v>
      </c>
      <c r="D40" s="455" t="s">
        <v>236</v>
      </c>
      <c r="E40" s="452">
        <v>121.5</v>
      </c>
      <c r="F40" s="453">
        <v>7.9</v>
      </c>
      <c r="G40" s="452">
        <v>131.6</v>
      </c>
      <c r="H40" s="452">
        <v>5</v>
      </c>
      <c r="I40" s="452">
        <v>118.3</v>
      </c>
      <c r="J40" s="452">
        <v>0.3</v>
      </c>
      <c r="K40" s="452">
        <v>89.6</v>
      </c>
      <c r="L40" s="452">
        <v>28.9</v>
      </c>
      <c r="M40" s="452">
        <v>135.1</v>
      </c>
      <c r="N40" s="452">
        <v>11.9</v>
      </c>
      <c r="O40" s="452">
        <v>101.4</v>
      </c>
      <c r="P40" s="452">
        <v>-6.9</v>
      </c>
      <c r="Q40" s="452">
        <v>147.5</v>
      </c>
      <c r="R40" s="452">
        <v>38.9</v>
      </c>
      <c r="S40" s="452">
        <v>83.6</v>
      </c>
      <c r="T40" s="452">
        <v>-7.5</v>
      </c>
      <c r="U40" s="452">
        <v>137.5</v>
      </c>
      <c r="V40" s="452">
        <v>22.9</v>
      </c>
      <c r="W40" s="452">
        <v>90.5</v>
      </c>
      <c r="X40" s="452">
        <v>-19.3</v>
      </c>
      <c r="Y40" s="452">
        <v>167.6</v>
      </c>
      <c r="Z40" s="452">
        <v>33.700000000000003</v>
      </c>
      <c r="AA40" s="452">
        <v>72.599999999999994</v>
      </c>
      <c r="AB40" s="452">
        <v>-37.4</v>
      </c>
      <c r="AC40" s="452">
        <v>130.80000000000001</v>
      </c>
      <c r="AD40" s="452">
        <v>-0.8</v>
      </c>
      <c r="AE40" s="452">
        <v>203.6</v>
      </c>
      <c r="AF40" s="452">
        <v>133.5</v>
      </c>
      <c r="AG40" s="466">
        <v>125.2</v>
      </c>
      <c r="AH40" s="466">
        <v>26.2</v>
      </c>
      <c r="AI40" s="452">
        <v>92.4</v>
      </c>
      <c r="AJ40" s="452">
        <v>-20.6</v>
      </c>
      <c r="AK40" s="196"/>
    </row>
    <row r="41" spans="1:37" s="424" customFormat="1" ht="15" customHeight="1" x14ac:dyDescent="0.15">
      <c r="A41" s="615"/>
      <c r="B41" s="683" t="s">
        <v>208</v>
      </c>
      <c r="C41" s="456" t="s">
        <v>0</v>
      </c>
      <c r="D41" s="455" t="s">
        <v>237</v>
      </c>
      <c r="E41" s="450">
        <v>119.6</v>
      </c>
      <c r="F41" s="451">
        <v>8</v>
      </c>
      <c r="G41" s="450">
        <v>126.3</v>
      </c>
      <c r="H41" s="450">
        <v>1.5</v>
      </c>
      <c r="I41" s="450">
        <v>121.8</v>
      </c>
      <c r="J41" s="450">
        <v>10.5</v>
      </c>
      <c r="K41" s="450">
        <v>89.6</v>
      </c>
      <c r="L41" s="450">
        <v>19.899999999999999</v>
      </c>
      <c r="M41" s="450">
        <v>139.69999999999999</v>
      </c>
      <c r="N41" s="450">
        <v>12.8</v>
      </c>
      <c r="O41" s="450">
        <v>110.8</v>
      </c>
      <c r="P41" s="450">
        <v>-7</v>
      </c>
      <c r="Q41" s="450">
        <v>150.80000000000001</v>
      </c>
      <c r="R41" s="450">
        <v>33.700000000000003</v>
      </c>
      <c r="S41" s="450">
        <v>76.900000000000006</v>
      </c>
      <c r="T41" s="450">
        <v>-15.7</v>
      </c>
      <c r="U41" s="450">
        <v>143.80000000000001</v>
      </c>
      <c r="V41" s="450">
        <v>20.399999999999999</v>
      </c>
      <c r="W41" s="450">
        <v>81.5</v>
      </c>
      <c r="X41" s="450">
        <v>-24.1</v>
      </c>
      <c r="Y41" s="450">
        <v>167.6</v>
      </c>
      <c r="Z41" s="450">
        <v>22.9</v>
      </c>
      <c r="AA41" s="450">
        <v>65.8</v>
      </c>
      <c r="AB41" s="450">
        <v>-39.700000000000003</v>
      </c>
      <c r="AC41" s="450">
        <v>84.1</v>
      </c>
      <c r="AD41" s="450">
        <v>-4.3</v>
      </c>
      <c r="AE41" s="450">
        <v>196.4</v>
      </c>
      <c r="AF41" s="450">
        <v>111.9</v>
      </c>
      <c r="AG41" s="465">
        <v>154.19999999999999</v>
      </c>
      <c r="AH41" s="465">
        <v>-0.7</v>
      </c>
      <c r="AI41" s="450">
        <v>94.6</v>
      </c>
      <c r="AJ41" s="450">
        <v>-22.3</v>
      </c>
      <c r="AK41" s="422"/>
    </row>
    <row r="42" spans="1:37" s="454" customFormat="1" ht="15" customHeight="1" x14ac:dyDescent="0.15">
      <c r="A42" s="615"/>
      <c r="B42" s="683"/>
      <c r="C42" s="456" t="s">
        <v>238</v>
      </c>
      <c r="D42" s="455" t="s">
        <v>239</v>
      </c>
      <c r="E42" s="452">
        <v>118.7</v>
      </c>
      <c r="F42" s="453">
        <v>17.600000000000001</v>
      </c>
      <c r="G42" s="452">
        <v>115.8</v>
      </c>
      <c r="H42" s="452">
        <v>21</v>
      </c>
      <c r="I42" s="452">
        <v>119</v>
      </c>
      <c r="J42" s="452">
        <v>8.3000000000000007</v>
      </c>
      <c r="K42" s="452">
        <v>94.8</v>
      </c>
      <c r="L42" s="452">
        <v>6.8</v>
      </c>
      <c r="M42" s="452">
        <v>133.1</v>
      </c>
      <c r="N42" s="452">
        <v>-1.5</v>
      </c>
      <c r="O42" s="452">
        <v>112.7</v>
      </c>
      <c r="P42" s="452">
        <v>32.700000000000003</v>
      </c>
      <c r="Q42" s="452">
        <v>160.69999999999999</v>
      </c>
      <c r="R42" s="452">
        <v>27.3</v>
      </c>
      <c r="S42" s="452">
        <v>84.3</v>
      </c>
      <c r="T42" s="452">
        <v>16.399999999999999</v>
      </c>
      <c r="U42" s="452">
        <v>130</v>
      </c>
      <c r="V42" s="452">
        <v>9.4</v>
      </c>
      <c r="W42" s="452">
        <v>83.3</v>
      </c>
      <c r="X42" s="452">
        <v>1.5</v>
      </c>
      <c r="Y42" s="452">
        <v>164.9</v>
      </c>
      <c r="Z42" s="452">
        <v>13</v>
      </c>
      <c r="AA42" s="452">
        <v>72.599999999999994</v>
      </c>
      <c r="AB42" s="452">
        <v>3.9</v>
      </c>
      <c r="AC42" s="452">
        <v>124.3</v>
      </c>
      <c r="AD42" s="452">
        <v>49.4</v>
      </c>
      <c r="AE42" s="452">
        <v>165.5</v>
      </c>
      <c r="AF42" s="452">
        <v>44.5</v>
      </c>
      <c r="AG42" s="466">
        <v>144.9</v>
      </c>
      <c r="AH42" s="466">
        <v>24.1</v>
      </c>
      <c r="AI42" s="452">
        <v>84.8</v>
      </c>
      <c r="AJ42" s="452">
        <v>-7.1</v>
      </c>
      <c r="AK42" s="196"/>
    </row>
    <row r="43" spans="1:37" s="424" customFormat="1" ht="15" customHeight="1" x14ac:dyDescent="0.15">
      <c r="A43" s="615"/>
      <c r="B43" s="683"/>
      <c r="C43" s="456" t="s">
        <v>0</v>
      </c>
      <c r="D43" s="455" t="s">
        <v>240</v>
      </c>
      <c r="E43" s="450">
        <v>117.8</v>
      </c>
      <c r="F43" s="451">
        <v>14.6</v>
      </c>
      <c r="G43" s="450">
        <v>97.6</v>
      </c>
      <c r="H43" s="450">
        <v>-15.4</v>
      </c>
      <c r="I43" s="450">
        <v>129.6</v>
      </c>
      <c r="J43" s="450">
        <v>9.6</v>
      </c>
      <c r="K43" s="450">
        <v>85.8</v>
      </c>
      <c r="L43" s="450">
        <v>10.6</v>
      </c>
      <c r="M43" s="450">
        <v>131.80000000000001</v>
      </c>
      <c r="N43" s="450">
        <v>-3.4</v>
      </c>
      <c r="O43" s="450">
        <v>108</v>
      </c>
      <c r="P43" s="450">
        <v>30.1</v>
      </c>
      <c r="Q43" s="450">
        <v>157.4</v>
      </c>
      <c r="R43" s="450">
        <v>31.5</v>
      </c>
      <c r="S43" s="450">
        <v>74.599999999999994</v>
      </c>
      <c r="T43" s="450">
        <v>12.3</v>
      </c>
      <c r="U43" s="450">
        <v>136.30000000000001</v>
      </c>
      <c r="V43" s="450">
        <v>14.7</v>
      </c>
      <c r="W43" s="450">
        <v>90.5</v>
      </c>
      <c r="X43" s="450">
        <v>1.3</v>
      </c>
      <c r="Y43" s="450">
        <v>189.2</v>
      </c>
      <c r="Z43" s="450">
        <v>75</v>
      </c>
      <c r="AA43" s="450">
        <v>56.2</v>
      </c>
      <c r="AB43" s="450">
        <v>-2.2999999999999998</v>
      </c>
      <c r="AC43" s="450">
        <v>116.8</v>
      </c>
      <c r="AD43" s="450">
        <v>27.5</v>
      </c>
      <c r="AE43" s="450">
        <v>149.1</v>
      </c>
      <c r="AF43" s="450">
        <v>36.700000000000003</v>
      </c>
      <c r="AG43" s="465">
        <v>184.1</v>
      </c>
      <c r="AH43" s="465">
        <v>126.4</v>
      </c>
      <c r="AI43" s="450">
        <v>83.7</v>
      </c>
      <c r="AJ43" s="450">
        <v>-13.4</v>
      </c>
      <c r="AK43" s="422"/>
    </row>
    <row r="44" spans="1:37" s="454" customFormat="1" ht="15" customHeight="1" x14ac:dyDescent="0.15">
      <c r="A44" s="615"/>
      <c r="B44" s="479"/>
      <c r="C44" s="456" t="s">
        <v>0</v>
      </c>
      <c r="D44" s="455" t="s">
        <v>241</v>
      </c>
      <c r="E44" s="452">
        <v>124.3</v>
      </c>
      <c r="F44" s="453">
        <v>11.8</v>
      </c>
      <c r="G44" s="452">
        <v>134.4</v>
      </c>
      <c r="H44" s="452">
        <v>-15.4</v>
      </c>
      <c r="I44" s="452">
        <v>122.5</v>
      </c>
      <c r="J44" s="452">
        <v>-2.9</v>
      </c>
      <c r="K44" s="452">
        <v>106</v>
      </c>
      <c r="L44" s="452">
        <v>5.3</v>
      </c>
      <c r="M44" s="452">
        <v>139.69999999999999</v>
      </c>
      <c r="N44" s="452">
        <v>-1.4</v>
      </c>
      <c r="O44" s="452">
        <v>124.1</v>
      </c>
      <c r="P44" s="452">
        <v>34.200000000000003</v>
      </c>
      <c r="Q44" s="452">
        <v>157.4</v>
      </c>
      <c r="R44" s="452">
        <v>24.7</v>
      </c>
      <c r="S44" s="452">
        <v>86.6</v>
      </c>
      <c r="T44" s="452">
        <v>17.2</v>
      </c>
      <c r="U44" s="452">
        <v>160</v>
      </c>
      <c r="V44" s="452">
        <v>28</v>
      </c>
      <c r="W44" s="452">
        <v>94.6</v>
      </c>
      <c r="X44" s="452">
        <v>3.2</v>
      </c>
      <c r="Y44" s="452">
        <v>183.8</v>
      </c>
      <c r="Z44" s="452">
        <v>47.9</v>
      </c>
      <c r="AA44" s="452">
        <v>68.5</v>
      </c>
      <c r="AB44" s="452">
        <v>-13.8</v>
      </c>
      <c r="AC44" s="452">
        <v>140.19999999999999</v>
      </c>
      <c r="AD44" s="452">
        <v>38.9</v>
      </c>
      <c r="AE44" s="452">
        <v>154.5</v>
      </c>
      <c r="AF44" s="452">
        <v>46.4</v>
      </c>
      <c r="AG44" s="466">
        <v>126.2</v>
      </c>
      <c r="AH44" s="466">
        <v>13.5</v>
      </c>
      <c r="AI44" s="452">
        <v>93.5</v>
      </c>
      <c r="AJ44" s="452">
        <v>-14</v>
      </c>
      <c r="AK44" s="196"/>
    </row>
    <row r="45" spans="1:37" s="424" customFormat="1" ht="15" customHeight="1" x14ac:dyDescent="0.15">
      <c r="A45" s="615"/>
      <c r="B45" s="472"/>
      <c r="C45" s="456" t="s">
        <v>0</v>
      </c>
      <c r="D45" s="455" t="s">
        <v>242</v>
      </c>
      <c r="E45" s="450">
        <v>120.6</v>
      </c>
      <c r="F45" s="451">
        <v>5.8</v>
      </c>
      <c r="G45" s="450">
        <v>121.5</v>
      </c>
      <c r="H45" s="450">
        <v>-13.9</v>
      </c>
      <c r="I45" s="450">
        <v>123.9</v>
      </c>
      <c r="J45" s="450">
        <v>5.4</v>
      </c>
      <c r="K45" s="450">
        <v>94</v>
      </c>
      <c r="L45" s="450">
        <v>4.0999999999999996</v>
      </c>
      <c r="M45" s="450">
        <v>136.4</v>
      </c>
      <c r="N45" s="450">
        <v>-2.8</v>
      </c>
      <c r="O45" s="450">
        <v>128.30000000000001</v>
      </c>
      <c r="P45" s="450">
        <v>17.3</v>
      </c>
      <c r="Q45" s="450">
        <v>163.9</v>
      </c>
      <c r="R45" s="450">
        <v>12.3</v>
      </c>
      <c r="S45" s="450">
        <v>73.099999999999994</v>
      </c>
      <c r="T45" s="450">
        <v>-4.9000000000000004</v>
      </c>
      <c r="U45" s="450">
        <v>161.30000000000001</v>
      </c>
      <c r="V45" s="450">
        <v>9.4</v>
      </c>
      <c r="W45" s="450">
        <v>90.5</v>
      </c>
      <c r="X45" s="450">
        <v>4.0999999999999996</v>
      </c>
      <c r="Y45" s="450">
        <v>164.9</v>
      </c>
      <c r="Z45" s="450">
        <v>13</v>
      </c>
      <c r="AA45" s="450">
        <v>89</v>
      </c>
      <c r="AB45" s="450">
        <v>1.5</v>
      </c>
      <c r="AC45" s="450">
        <v>142.1</v>
      </c>
      <c r="AD45" s="450">
        <v>37</v>
      </c>
      <c r="AE45" s="450">
        <v>121.8</v>
      </c>
      <c r="AF45" s="450">
        <v>9.8000000000000007</v>
      </c>
      <c r="AG45" s="465">
        <v>89.7</v>
      </c>
      <c r="AH45" s="465">
        <v>-27.8</v>
      </c>
      <c r="AI45" s="450">
        <v>84.8</v>
      </c>
      <c r="AJ45" s="450">
        <v>-16.100000000000001</v>
      </c>
      <c r="AK45" s="422"/>
    </row>
    <row r="46" spans="1:37" s="454" customFormat="1" ht="15" customHeight="1" x14ac:dyDescent="0.15">
      <c r="A46" s="615"/>
      <c r="B46" s="479"/>
      <c r="C46" s="456" t="s">
        <v>0</v>
      </c>
      <c r="D46" s="455" t="s">
        <v>243</v>
      </c>
      <c r="E46" s="452">
        <v>112.1</v>
      </c>
      <c r="F46" s="453">
        <v>15.3</v>
      </c>
      <c r="G46" s="452">
        <v>99</v>
      </c>
      <c r="H46" s="452">
        <v>-2.8</v>
      </c>
      <c r="I46" s="452">
        <v>116.9</v>
      </c>
      <c r="J46" s="452">
        <v>16.100000000000001</v>
      </c>
      <c r="K46" s="452">
        <v>83.6</v>
      </c>
      <c r="L46" s="452">
        <v>-3.5</v>
      </c>
      <c r="M46" s="452">
        <v>127.8</v>
      </c>
      <c r="N46" s="452">
        <v>-6.3</v>
      </c>
      <c r="O46" s="452">
        <v>109.4</v>
      </c>
      <c r="P46" s="452">
        <v>28.1</v>
      </c>
      <c r="Q46" s="452">
        <v>162.30000000000001</v>
      </c>
      <c r="R46" s="452">
        <v>22.2</v>
      </c>
      <c r="S46" s="452">
        <v>67.900000000000006</v>
      </c>
      <c r="T46" s="452">
        <v>-14.2</v>
      </c>
      <c r="U46" s="452">
        <v>143.80000000000001</v>
      </c>
      <c r="V46" s="452">
        <v>0.9</v>
      </c>
      <c r="W46" s="452">
        <v>85.7</v>
      </c>
      <c r="X46" s="452">
        <v>10.7</v>
      </c>
      <c r="Y46" s="452">
        <v>156.80000000000001</v>
      </c>
      <c r="Z46" s="452">
        <v>-3.3</v>
      </c>
      <c r="AA46" s="452">
        <v>75.3</v>
      </c>
      <c r="AB46" s="452">
        <v>-9.9</v>
      </c>
      <c r="AC46" s="452">
        <v>138.30000000000001</v>
      </c>
      <c r="AD46" s="452">
        <v>102.8</v>
      </c>
      <c r="AE46" s="452">
        <v>110.9</v>
      </c>
      <c r="AF46" s="452">
        <v>17.399999999999999</v>
      </c>
      <c r="AG46" s="466">
        <v>119.6</v>
      </c>
      <c r="AH46" s="466">
        <v>0.8</v>
      </c>
      <c r="AI46" s="452">
        <v>81.5</v>
      </c>
      <c r="AJ46" s="452">
        <v>-6.3</v>
      </c>
      <c r="AK46" s="196"/>
    </row>
    <row r="47" spans="1:37" s="424" customFormat="1" ht="14.25" customHeight="1" x14ac:dyDescent="0.15">
      <c r="A47" s="615"/>
      <c r="B47" s="472"/>
      <c r="C47" s="448"/>
      <c r="D47" s="455"/>
      <c r="E47" s="493"/>
      <c r="F47" s="453"/>
      <c r="G47" s="452"/>
      <c r="H47" s="452"/>
      <c r="I47" s="493"/>
      <c r="J47" s="452"/>
      <c r="K47" s="493"/>
      <c r="L47" s="452"/>
      <c r="M47" s="493"/>
      <c r="N47" s="452"/>
      <c r="O47" s="493"/>
      <c r="P47" s="452"/>
      <c r="Q47" s="493"/>
      <c r="R47" s="452"/>
      <c r="S47" s="493"/>
      <c r="T47" s="452"/>
      <c r="U47" s="452"/>
      <c r="V47" s="452"/>
      <c r="W47" s="452"/>
      <c r="X47" s="452"/>
      <c r="Y47" s="452"/>
      <c r="Z47" s="452"/>
      <c r="AA47" s="452"/>
      <c r="AB47" s="452"/>
      <c r="AC47" s="493"/>
      <c r="AD47" s="452"/>
      <c r="AE47" s="493"/>
      <c r="AF47" s="452"/>
      <c r="AG47" s="512"/>
      <c r="AH47" s="466"/>
      <c r="AI47" s="493"/>
      <c r="AJ47" s="452"/>
      <c r="AK47" s="422"/>
    </row>
    <row r="48" spans="1:37" s="424" customFormat="1" ht="14.25" customHeight="1" x14ac:dyDescent="0.15">
      <c r="A48" s="615"/>
      <c r="B48" s="472"/>
      <c r="C48" s="448" t="s">
        <v>238</v>
      </c>
      <c r="D48" s="455" t="s">
        <v>231</v>
      </c>
      <c r="E48" s="450">
        <v>115</v>
      </c>
      <c r="F48" s="451">
        <v>12.9</v>
      </c>
      <c r="G48" s="450">
        <v>100</v>
      </c>
      <c r="H48" s="450">
        <v>11.7</v>
      </c>
      <c r="I48" s="450">
        <v>115.5</v>
      </c>
      <c r="J48" s="450">
        <v>1.9</v>
      </c>
      <c r="K48" s="450">
        <v>88.1</v>
      </c>
      <c r="L48" s="450">
        <v>-4</v>
      </c>
      <c r="M48" s="450">
        <v>120.5</v>
      </c>
      <c r="N48" s="450">
        <v>-9.9</v>
      </c>
      <c r="O48" s="450">
        <v>117.5</v>
      </c>
      <c r="P48" s="450">
        <v>34.6</v>
      </c>
      <c r="Q48" s="450">
        <v>142.6</v>
      </c>
      <c r="R48" s="450">
        <v>8.8000000000000007</v>
      </c>
      <c r="S48" s="450">
        <v>71.599999999999994</v>
      </c>
      <c r="T48" s="450">
        <v>-4</v>
      </c>
      <c r="U48" s="450">
        <v>148.80000000000001</v>
      </c>
      <c r="V48" s="450">
        <v>22.7</v>
      </c>
      <c r="W48" s="450">
        <v>92.3</v>
      </c>
      <c r="X48" s="450">
        <v>2.7</v>
      </c>
      <c r="Y48" s="450">
        <v>148.6</v>
      </c>
      <c r="Z48" s="450">
        <v>-3.6</v>
      </c>
      <c r="AA48" s="450">
        <v>82.2</v>
      </c>
      <c r="AB48" s="450">
        <v>11.1</v>
      </c>
      <c r="AC48" s="450">
        <v>141.1</v>
      </c>
      <c r="AD48" s="450">
        <v>118.8</v>
      </c>
      <c r="AE48" s="450">
        <v>150.9</v>
      </c>
      <c r="AF48" s="450">
        <v>36.1</v>
      </c>
      <c r="AG48" s="450">
        <v>109.3</v>
      </c>
      <c r="AH48" s="465">
        <v>4.4000000000000004</v>
      </c>
      <c r="AI48" s="450">
        <v>87</v>
      </c>
      <c r="AJ48" s="450">
        <v>-3.5</v>
      </c>
      <c r="AK48" s="422"/>
    </row>
    <row r="49" spans="1:36" ht="11.25" customHeight="1" thickBot="1" x14ac:dyDescent="0.2">
      <c r="A49" s="615"/>
      <c r="B49" s="485"/>
      <c r="C49" s="468"/>
      <c r="D49" s="469"/>
      <c r="E49" s="494"/>
      <c r="F49" s="495"/>
      <c r="G49" s="494"/>
      <c r="H49" s="494"/>
      <c r="I49" s="494"/>
      <c r="J49" s="494"/>
      <c r="K49" s="494"/>
      <c r="L49" s="494"/>
      <c r="M49" s="494"/>
      <c r="N49" s="494"/>
      <c r="O49" s="494"/>
      <c r="P49" s="494"/>
      <c r="Q49" s="494"/>
      <c r="R49" s="494"/>
      <c r="S49" s="494"/>
      <c r="T49" s="494"/>
      <c r="U49" s="494"/>
      <c r="V49" s="494"/>
      <c r="W49" s="494"/>
      <c r="X49" s="494"/>
      <c r="Y49" s="494"/>
      <c r="Z49" s="494"/>
      <c r="AA49" s="494"/>
      <c r="AB49" s="494"/>
      <c r="AC49" s="494"/>
      <c r="AD49" s="494"/>
      <c r="AE49" s="494"/>
      <c r="AF49" s="494"/>
      <c r="AG49" s="494"/>
      <c r="AH49" s="494"/>
      <c r="AI49" s="494"/>
      <c r="AJ49" s="494"/>
    </row>
    <row r="50" spans="1:36" ht="14.1" customHeight="1" x14ac:dyDescent="0.15">
      <c r="A50" s="615"/>
      <c r="C50" s="684" t="s">
        <v>209</v>
      </c>
      <c r="D50" s="685"/>
      <c r="E50" s="685"/>
      <c r="F50" s="685"/>
      <c r="G50" s="685"/>
      <c r="H50" s="685"/>
      <c r="I50" s="685"/>
      <c r="J50" s="685"/>
      <c r="K50" s="685"/>
      <c r="L50" s="685"/>
      <c r="M50" s="686"/>
      <c r="N50" s="686"/>
      <c r="O50" s="686"/>
      <c r="P50" s="686"/>
      <c r="Q50" s="686"/>
      <c r="R50" s="686"/>
      <c r="S50" s="686"/>
      <c r="T50" s="686"/>
      <c r="U50" s="686"/>
      <c r="V50" s="686"/>
      <c r="W50" s="686"/>
      <c r="X50" s="686"/>
      <c r="Y50" s="686"/>
      <c r="Z50" s="686"/>
      <c r="AA50" s="686"/>
      <c r="AB50" s="686"/>
      <c r="AC50" s="686"/>
      <c r="AD50" s="686"/>
      <c r="AE50" s="686"/>
      <c r="AF50" s="686"/>
    </row>
  </sheetData>
  <protectedRanges>
    <protectedRange sqref="AI26:AJ26" name="範囲1_1_3_1"/>
    <protectedRange sqref="AI47:AJ47" name="範囲1_1_3_2"/>
  </protectedRanges>
  <mergeCells count="54">
    <mergeCell ref="AI5:AJ5"/>
    <mergeCell ref="E6:F6"/>
    <mergeCell ref="G6:H6"/>
    <mergeCell ref="I6:J6"/>
    <mergeCell ref="K6:L6"/>
    <mergeCell ref="M6:N6"/>
    <mergeCell ref="O6:P6"/>
    <mergeCell ref="AG6:AH6"/>
    <mergeCell ref="AI6:AJ6"/>
    <mergeCell ref="U6:V6"/>
    <mergeCell ref="W6:X6"/>
    <mergeCell ref="Y6:Z6"/>
    <mergeCell ref="AA6:AB6"/>
    <mergeCell ref="AG4:AH4"/>
    <mergeCell ref="Q6:R6"/>
    <mergeCell ref="S6:T6"/>
    <mergeCell ref="U5:V5"/>
    <mergeCell ref="W5:X5"/>
    <mergeCell ref="Y5:Z5"/>
    <mergeCell ref="AA5:AB5"/>
    <mergeCell ref="AC6:AD6"/>
    <mergeCell ref="AE6:AF6"/>
    <mergeCell ref="AG5:AH5"/>
    <mergeCell ref="AC5:AD5"/>
    <mergeCell ref="AE5:AF5"/>
    <mergeCell ref="AA4:AB4"/>
    <mergeCell ref="AC4:AD4"/>
    <mergeCell ref="AE4:AF4"/>
    <mergeCell ref="AF1:AJ1"/>
    <mergeCell ref="H2:L2"/>
    <mergeCell ref="P2:T2"/>
    <mergeCell ref="C3:D7"/>
    <mergeCell ref="E4:F4"/>
    <mergeCell ref="G4:H4"/>
    <mergeCell ref="I4:J4"/>
    <mergeCell ref="AI4:AJ4"/>
    <mergeCell ref="K5:L5"/>
    <mergeCell ref="M5:N5"/>
    <mergeCell ref="O5:P5"/>
    <mergeCell ref="Q5:R5"/>
    <mergeCell ref="S5:T5"/>
    <mergeCell ref="O4:P4"/>
    <mergeCell ref="Q4:R4"/>
    <mergeCell ref="S4:T4"/>
    <mergeCell ref="K4:L4"/>
    <mergeCell ref="M4:N4"/>
    <mergeCell ref="W4:X4"/>
    <mergeCell ref="Y4:Z4"/>
    <mergeCell ref="A1:A50"/>
    <mergeCell ref="U4:V4"/>
    <mergeCell ref="B8:B28"/>
    <mergeCell ref="B35:B39"/>
    <mergeCell ref="B41:B43"/>
    <mergeCell ref="C50:AF50"/>
  </mergeCells>
  <phoneticPr fontId="3"/>
  <printOptions horizontalCentered="1"/>
  <pageMargins left="0.59055118110236227" right="0.59055118110236227" top="0.39370078740157483" bottom="0.59055118110236227" header="0" footer="0.19685039370078741"/>
  <pageSetup paperSize="9" scale="78" orientation="landscape" errors="blank" r:id="rId1"/>
  <headerFooter alignWithMargins="0"/>
</worksheet>
</file>

<file path=xl/worksheets/sheet1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3">
    <tabColor indexed="52"/>
  </sheetPr>
  <dimension ref="A1:AK50"/>
  <sheetViews>
    <sheetView view="pageBreakPreview" zoomScaleNormal="100" zoomScaleSheetLayoutView="100" workbookViewId="0">
      <selection sqref="A1:A50"/>
    </sheetView>
  </sheetViews>
  <sheetFormatPr defaultRowHeight="13.5" x14ac:dyDescent="0.15"/>
  <cols>
    <col min="1" max="1" width="4.375" style="321" customWidth="1"/>
    <col min="2" max="2" width="2.5" style="395" customWidth="1"/>
    <col min="3" max="3" width="6.625" style="395" customWidth="1"/>
    <col min="4" max="4" width="3.875" style="395" customWidth="1"/>
    <col min="5" max="6" width="4.875" style="198" customWidth="1"/>
    <col min="7" max="8" width="4.875" style="395" customWidth="1"/>
    <col min="9" max="10" width="4.875" style="198" customWidth="1"/>
    <col min="11" max="16" width="4.875" style="395" customWidth="1"/>
    <col min="17" max="18" width="4.875" style="198" customWidth="1"/>
    <col min="19" max="32" width="4.875" style="395" customWidth="1"/>
    <col min="33" max="33" width="4.875" style="399" customWidth="1"/>
    <col min="34" max="34" width="5.125" style="395" bestFit="1" customWidth="1"/>
    <col min="35" max="36" width="4.875" style="395" customWidth="1"/>
    <col min="37" max="37" width="9" style="395"/>
  </cols>
  <sheetData>
    <row r="1" spans="1:37" s="9" customFormat="1" ht="18.75" customHeight="1" x14ac:dyDescent="0.15">
      <c r="A1" s="615" t="s">
        <v>224</v>
      </c>
      <c r="B1" s="518" t="s">
        <v>225</v>
      </c>
      <c r="D1" s="513"/>
      <c r="E1" s="519"/>
      <c r="F1" s="519"/>
      <c r="G1" s="513"/>
      <c r="H1" s="513"/>
      <c r="I1" s="519"/>
      <c r="J1" s="519"/>
      <c r="K1" s="513"/>
      <c r="L1" s="513"/>
      <c r="M1" s="417"/>
      <c r="N1" s="417"/>
      <c r="O1" s="417"/>
      <c r="P1" s="417"/>
      <c r="Q1" s="520"/>
      <c r="R1" s="520"/>
      <c r="S1" s="417"/>
      <c r="T1" s="417"/>
      <c r="U1" s="417"/>
      <c r="V1" s="417"/>
      <c r="W1" s="417"/>
      <c r="X1" s="417"/>
      <c r="Y1" s="417"/>
      <c r="Z1" s="417"/>
      <c r="AA1" s="417"/>
      <c r="AB1" s="417"/>
      <c r="AC1" s="417"/>
      <c r="AD1" s="417"/>
      <c r="AE1" s="417"/>
      <c r="AF1" s="618" t="s">
        <v>212</v>
      </c>
      <c r="AG1" s="618"/>
      <c r="AH1" s="618"/>
      <c r="AI1" s="618"/>
      <c r="AJ1" s="618"/>
      <c r="AK1" s="399"/>
    </row>
    <row r="2" spans="1:37" s="424" customFormat="1" ht="3.75" customHeight="1" thickBot="1" x14ac:dyDescent="0.2">
      <c r="A2" s="615"/>
      <c r="B2" s="211"/>
      <c r="C2" s="420"/>
      <c r="D2" s="420"/>
      <c r="E2" s="514"/>
      <c r="F2" s="514"/>
      <c r="G2" s="421"/>
      <c r="H2" s="659"/>
      <c r="I2" s="659"/>
      <c r="J2" s="659"/>
      <c r="K2" s="659"/>
      <c r="L2" s="659"/>
      <c r="M2" s="420"/>
      <c r="N2" s="420"/>
      <c r="O2" s="420"/>
      <c r="P2" s="659"/>
      <c r="Q2" s="659"/>
      <c r="R2" s="659"/>
      <c r="S2" s="659"/>
      <c r="T2" s="659"/>
      <c r="U2" s="420"/>
      <c r="V2" s="420"/>
      <c r="W2" s="420"/>
      <c r="X2" s="420"/>
      <c r="Y2" s="420"/>
      <c r="Z2" s="422"/>
      <c r="AA2" s="422"/>
      <c r="AB2" s="422"/>
      <c r="AC2" s="422"/>
      <c r="AD2" s="422"/>
      <c r="AE2" s="422"/>
      <c r="AF2" s="423"/>
      <c r="AG2" s="423"/>
      <c r="AH2" s="423"/>
      <c r="AI2" s="423"/>
      <c r="AJ2" s="423"/>
      <c r="AK2" s="422"/>
    </row>
    <row r="3" spans="1:37" s="424" customFormat="1" ht="6" customHeight="1" x14ac:dyDescent="0.15">
      <c r="A3" s="615"/>
      <c r="B3" s="425"/>
      <c r="C3" s="660"/>
      <c r="D3" s="661"/>
      <c r="E3" s="426"/>
      <c r="F3" s="427"/>
      <c r="G3" s="428"/>
      <c r="H3" s="429"/>
      <c r="I3" s="426"/>
      <c r="J3" s="429"/>
      <c r="K3" s="426"/>
      <c r="L3" s="429"/>
      <c r="M3" s="426"/>
      <c r="N3" s="429"/>
      <c r="O3" s="426"/>
      <c r="P3" s="429"/>
      <c r="Q3" s="426"/>
      <c r="R3" s="429"/>
      <c r="S3" s="426"/>
      <c r="T3" s="428"/>
      <c r="U3" s="426"/>
      <c r="V3" s="429"/>
      <c r="W3" s="426"/>
      <c r="X3" s="429"/>
      <c r="Y3" s="426"/>
      <c r="Z3" s="429"/>
      <c r="AA3" s="426"/>
      <c r="AB3" s="429"/>
      <c r="AC3" s="426"/>
      <c r="AD3" s="428"/>
      <c r="AE3" s="426"/>
      <c r="AF3" s="429"/>
      <c r="AG3" s="430"/>
      <c r="AH3" s="429"/>
      <c r="AI3" s="426"/>
      <c r="AJ3" s="428"/>
      <c r="AK3" s="422"/>
    </row>
    <row r="4" spans="1:37" s="424" customFormat="1" ht="12" customHeight="1" x14ac:dyDescent="0.15">
      <c r="A4" s="615"/>
      <c r="B4" s="431"/>
      <c r="C4" s="662"/>
      <c r="D4" s="663"/>
      <c r="E4" s="652" t="s">
        <v>89</v>
      </c>
      <c r="F4" s="666"/>
      <c r="G4" s="667" t="s">
        <v>1</v>
      </c>
      <c r="H4" s="653"/>
      <c r="I4" s="652" t="s">
        <v>2</v>
      </c>
      <c r="J4" s="653"/>
      <c r="K4" s="652" t="s">
        <v>182</v>
      </c>
      <c r="L4" s="653"/>
      <c r="M4" s="654" t="s">
        <v>183</v>
      </c>
      <c r="N4" s="655"/>
      <c r="O4" s="654" t="s">
        <v>184</v>
      </c>
      <c r="P4" s="655"/>
      <c r="Q4" s="652" t="s">
        <v>185</v>
      </c>
      <c r="R4" s="673"/>
      <c r="S4" s="654" t="s">
        <v>186</v>
      </c>
      <c r="T4" s="655"/>
      <c r="U4" s="654" t="s">
        <v>187</v>
      </c>
      <c r="V4" s="655"/>
      <c r="W4" s="656" t="s">
        <v>188</v>
      </c>
      <c r="X4" s="657"/>
      <c r="Y4" s="654" t="s">
        <v>189</v>
      </c>
      <c r="Z4" s="658"/>
      <c r="AA4" s="656" t="s">
        <v>190</v>
      </c>
      <c r="AB4" s="657"/>
      <c r="AC4" s="654" t="s">
        <v>191</v>
      </c>
      <c r="AD4" s="658"/>
      <c r="AE4" s="654" t="s">
        <v>192</v>
      </c>
      <c r="AF4" s="658"/>
      <c r="AG4" s="654" t="s">
        <v>193</v>
      </c>
      <c r="AH4" s="658"/>
      <c r="AI4" s="654" t="s">
        <v>194</v>
      </c>
      <c r="AJ4" s="668"/>
      <c r="AK4" s="422"/>
    </row>
    <row r="5" spans="1:37" s="424" customFormat="1" ht="12" customHeight="1" x14ac:dyDescent="0.15">
      <c r="A5" s="615"/>
      <c r="B5" s="431"/>
      <c r="C5" s="662"/>
      <c r="D5" s="663"/>
      <c r="E5" s="432"/>
      <c r="F5" s="433"/>
      <c r="G5" s="434"/>
      <c r="H5" s="435"/>
      <c r="I5" s="432"/>
      <c r="J5" s="435"/>
      <c r="K5" s="669" t="s">
        <v>195</v>
      </c>
      <c r="L5" s="670"/>
      <c r="M5" s="671"/>
      <c r="N5" s="655"/>
      <c r="O5" s="672" t="s">
        <v>196</v>
      </c>
      <c r="P5" s="655"/>
      <c r="Q5" s="652" t="s">
        <v>197</v>
      </c>
      <c r="R5" s="673"/>
      <c r="S5" s="654" t="s">
        <v>198</v>
      </c>
      <c r="T5" s="655"/>
      <c r="U5" s="654" t="s">
        <v>199</v>
      </c>
      <c r="V5" s="655"/>
      <c r="W5" s="656" t="s">
        <v>200</v>
      </c>
      <c r="X5" s="657"/>
      <c r="Y5" s="656" t="s">
        <v>201</v>
      </c>
      <c r="Z5" s="657"/>
      <c r="AA5" s="654" t="s">
        <v>202</v>
      </c>
      <c r="AB5" s="655"/>
      <c r="AC5" s="654" t="s">
        <v>203</v>
      </c>
      <c r="AD5" s="658"/>
      <c r="AE5" s="654"/>
      <c r="AF5" s="655"/>
      <c r="AG5" s="654" t="s">
        <v>204</v>
      </c>
      <c r="AH5" s="655"/>
      <c r="AI5" s="654"/>
      <c r="AJ5" s="676"/>
      <c r="AK5" s="422"/>
    </row>
    <row r="6" spans="1:37" s="437" customFormat="1" ht="15" customHeight="1" x14ac:dyDescent="0.15">
      <c r="A6" s="615"/>
      <c r="B6" s="436"/>
      <c r="C6" s="662"/>
      <c r="D6" s="663"/>
      <c r="E6" s="674" t="s">
        <v>205</v>
      </c>
      <c r="F6" s="677"/>
      <c r="G6" s="678" t="s">
        <v>205</v>
      </c>
      <c r="H6" s="675"/>
      <c r="I6" s="674" t="s">
        <v>205</v>
      </c>
      <c r="J6" s="675"/>
      <c r="K6" s="674" t="s">
        <v>205</v>
      </c>
      <c r="L6" s="675"/>
      <c r="M6" s="674" t="s">
        <v>205</v>
      </c>
      <c r="N6" s="675"/>
      <c r="O6" s="674" t="s">
        <v>205</v>
      </c>
      <c r="P6" s="675"/>
      <c r="Q6" s="674" t="s">
        <v>205</v>
      </c>
      <c r="R6" s="675"/>
      <c r="S6" s="674" t="s">
        <v>205</v>
      </c>
      <c r="T6" s="675"/>
      <c r="U6" s="674" t="s">
        <v>205</v>
      </c>
      <c r="V6" s="675"/>
      <c r="W6" s="674" t="s">
        <v>205</v>
      </c>
      <c r="X6" s="675"/>
      <c r="Y6" s="674" t="s">
        <v>205</v>
      </c>
      <c r="Z6" s="675"/>
      <c r="AA6" s="674" t="s">
        <v>205</v>
      </c>
      <c r="AB6" s="675"/>
      <c r="AC6" s="674" t="s">
        <v>205</v>
      </c>
      <c r="AD6" s="675"/>
      <c r="AE6" s="674" t="s">
        <v>205</v>
      </c>
      <c r="AF6" s="675"/>
      <c r="AG6" s="674" t="s">
        <v>205</v>
      </c>
      <c r="AH6" s="675"/>
      <c r="AI6" s="674" t="s">
        <v>205</v>
      </c>
      <c r="AJ6" s="678"/>
      <c r="AK6" s="420"/>
    </row>
    <row r="7" spans="1:37" s="424" customFormat="1" ht="7.5" customHeight="1" x14ac:dyDescent="0.15">
      <c r="A7" s="615"/>
      <c r="B7" s="438"/>
      <c r="C7" s="664"/>
      <c r="D7" s="665"/>
      <c r="E7" s="439"/>
      <c r="F7" s="440" t="s">
        <v>164</v>
      </c>
      <c r="G7" s="441"/>
      <c r="H7" s="442" t="s">
        <v>164</v>
      </c>
      <c r="I7" s="439"/>
      <c r="J7" s="442" t="s">
        <v>164</v>
      </c>
      <c r="K7" s="439"/>
      <c r="L7" s="442" t="s">
        <v>164</v>
      </c>
      <c r="M7" s="439"/>
      <c r="N7" s="442" t="s">
        <v>164</v>
      </c>
      <c r="O7" s="439"/>
      <c r="P7" s="442" t="s">
        <v>164</v>
      </c>
      <c r="Q7" s="439"/>
      <c r="R7" s="442" t="s">
        <v>164</v>
      </c>
      <c r="S7" s="439"/>
      <c r="T7" s="442" t="s">
        <v>164</v>
      </c>
      <c r="U7" s="439"/>
      <c r="V7" s="442" t="s">
        <v>164</v>
      </c>
      <c r="W7" s="439"/>
      <c r="X7" s="442" t="s">
        <v>164</v>
      </c>
      <c r="Y7" s="439"/>
      <c r="Z7" s="442" t="s">
        <v>164</v>
      </c>
      <c r="AA7" s="439"/>
      <c r="AB7" s="442" t="s">
        <v>164</v>
      </c>
      <c r="AC7" s="439"/>
      <c r="AD7" s="442" t="s">
        <v>164</v>
      </c>
      <c r="AE7" s="439"/>
      <c r="AF7" s="442" t="s">
        <v>164</v>
      </c>
      <c r="AG7" s="443"/>
      <c r="AH7" s="442" t="s">
        <v>164</v>
      </c>
      <c r="AI7" s="439"/>
      <c r="AJ7" s="334" t="s">
        <v>164</v>
      </c>
      <c r="AK7" s="422"/>
    </row>
    <row r="8" spans="1:37" s="424" customFormat="1" ht="11.25" customHeight="1" x14ac:dyDescent="0.15">
      <c r="A8" s="615"/>
      <c r="B8" s="679" t="s">
        <v>206</v>
      </c>
      <c r="C8" s="444"/>
      <c r="D8" s="491"/>
      <c r="E8" s="339"/>
      <c r="F8" s="341"/>
      <c r="G8" s="339"/>
      <c r="H8" s="339"/>
      <c r="I8" s="339"/>
      <c r="J8" s="339"/>
      <c r="K8" s="339"/>
      <c r="L8" s="339"/>
      <c r="M8" s="339"/>
      <c r="N8" s="339"/>
      <c r="O8" s="339"/>
      <c r="P8" s="339"/>
      <c r="Q8" s="339"/>
      <c r="R8" s="339"/>
      <c r="S8" s="339"/>
      <c r="T8" s="339"/>
      <c r="U8" s="339"/>
      <c r="V8" s="339"/>
      <c r="W8" s="339"/>
      <c r="X8" s="339"/>
      <c r="Y8" s="339"/>
      <c r="Z8" s="339"/>
      <c r="AA8" s="339"/>
      <c r="AB8" s="339"/>
      <c r="AC8" s="339"/>
      <c r="AD8" s="339"/>
      <c r="AE8" s="339"/>
      <c r="AF8" s="339"/>
      <c r="AG8" s="339"/>
      <c r="AH8" s="339"/>
      <c r="AI8" s="339"/>
      <c r="AJ8" s="339"/>
      <c r="AK8" s="422"/>
    </row>
    <row r="9" spans="1:37" s="424" customFormat="1" ht="14.25" customHeight="1" x14ac:dyDescent="0.15">
      <c r="A9" s="615"/>
      <c r="B9" s="680"/>
      <c r="C9" s="448" t="s">
        <v>226</v>
      </c>
      <c r="D9" s="449" t="s">
        <v>227</v>
      </c>
      <c r="E9" s="450">
        <v>100.5</v>
      </c>
      <c r="F9" s="451">
        <v>1.4</v>
      </c>
      <c r="G9" s="450">
        <v>105.1</v>
      </c>
      <c r="H9" s="450">
        <v>-1.6</v>
      </c>
      <c r="I9" s="450">
        <v>100.8</v>
      </c>
      <c r="J9" s="450">
        <v>0.8</v>
      </c>
      <c r="K9" s="450">
        <v>93.4</v>
      </c>
      <c r="L9" s="450">
        <v>-14.1</v>
      </c>
      <c r="M9" s="450">
        <v>100.6</v>
      </c>
      <c r="N9" s="450">
        <v>-1.9</v>
      </c>
      <c r="O9" s="450">
        <v>100.4</v>
      </c>
      <c r="P9" s="450">
        <v>2</v>
      </c>
      <c r="Q9" s="450">
        <v>100.3</v>
      </c>
      <c r="R9" s="450">
        <v>0</v>
      </c>
      <c r="S9" s="450">
        <v>103.5</v>
      </c>
      <c r="T9" s="450">
        <v>-0.3</v>
      </c>
      <c r="U9" s="450">
        <v>100.7</v>
      </c>
      <c r="V9" s="450">
        <v>-2.7</v>
      </c>
      <c r="W9" s="450">
        <v>97.4</v>
      </c>
      <c r="X9" s="450">
        <v>-0.3</v>
      </c>
      <c r="Y9" s="450">
        <v>101.9</v>
      </c>
      <c r="Z9" s="450">
        <v>3</v>
      </c>
      <c r="AA9" s="450">
        <v>100.7</v>
      </c>
      <c r="AB9" s="450">
        <v>2.4</v>
      </c>
      <c r="AC9" s="450">
        <v>100.2</v>
      </c>
      <c r="AD9" s="450">
        <v>-0.2</v>
      </c>
      <c r="AE9" s="450">
        <v>99.1</v>
      </c>
      <c r="AF9" s="450">
        <v>1.2</v>
      </c>
      <c r="AG9" s="450">
        <v>101.4</v>
      </c>
      <c r="AH9" s="450">
        <v>18.100000000000001</v>
      </c>
      <c r="AI9" s="450">
        <v>100.4</v>
      </c>
      <c r="AJ9" s="450">
        <v>7.7</v>
      </c>
      <c r="AK9" s="422"/>
    </row>
    <row r="10" spans="1:37" s="454" customFormat="1" ht="14.25" customHeight="1" x14ac:dyDescent="0.15">
      <c r="A10" s="615"/>
      <c r="B10" s="680"/>
      <c r="C10" s="448" t="s">
        <v>226</v>
      </c>
      <c r="D10" s="449" t="s">
        <v>228</v>
      </c>
      <c r="E10" s="452">
        <v>100</v>
      </c>
      <c r="F10" s="453">
        <v>-0.5</v>
      </c>
      <c r="G10" s="452">
        <v>100</v>
      </c>
      <c r="H10" s="452">
        <v>-4.9000000000000004</v>
      </c>
      <c r="I10" s="452">
        <v>100</v>
      </c>
      <c r="J10" s="452">
        <v>-0.8</v>
      </c>
      <c r="K10" s="452">
        <v>100</v>
      </c>
      <c r="L10" s="452">
        <v>7.1</v>
      </c>
      <c r="M10" s="452">
        <v>100</v>
      </c>
      <c r="N10" s="452">
        <v>-0.5</v>
      </c>
      <c r="O10" s="452">
        <v>100</v>
      </c>
      <c r="P10" s="452">
        <v>-0.4</v>
      </c>
      <c r="Q10" s="452">
        <v>100</v>
      </c>
      <c r="R10" s="452">
        <v>-0.3</v>
      </c>
      <c r="S10" s="452">
        <v>100</v>
      </c>
      <c r="T10" s="452">
        <v>-3.3</v>
      </c>
      <c r="U10" s="452">
        <v>100</v>
      </c>
      <c r="V10" s="452">
        <v>-0.7</v>
      </c>
      <c r="W10" s="452">
        <v>100</v>
      </c>
      <c r="X10" s="452">
        <v>2.6</v>
      </c>
      <c r="Y10" s="452">
        <v>100</v>
      </c>
      <c r="Z10" s="452">
        <v>-1.9</v>
      </c>
      <c r="AA10" s="452">
        <v>100</v>
      </c>
      <c r="AB10" s="452">
        <v>-0.6</v>
      </c>
      <c r="AC10" s="452">
        <v>100</v>
      </c>
      <c r="AD10" s="452">
        <v>-0.2</v>
      </c>
      <c r="AE10" s="452">
        <v>100</v>
      </c>
      <c r="AF10" s="452">
        <v>1</v>
      </c>
      <c r="AG10" s="452">
        <v>100</v>
      </c>
      <c r="AH10" s="452">
        <v>-1.4</v>
      </c>
      <c r="AI10" s="452">
        <v>100</v>
      </c>
      <c r="AJ10" s="452">
        <v>-0.4</v>
      </c>
      <c r="AK10" s="196"/>
    </row>
    <row r="11" spans="1:37" s="424" customFormat="1" ht="14.25" customHeight="1" x14ac:dyDescent="0.15">
      <c r="A11" s="615"/>
      <c r="B11" s="680"/>
      <c r="C11" s="448" t="s">
        <v>226</v>
      </c>
      <c r="D11" s="449" t="s">
        <v>229</v>
      </c>
      <c r="E11" s="450">
        <v>99.1</v>
      </c>
      <c r="F11" s="451">
        <v>-1</v>
      </c>
      <c r="G11" s="450">
        <v>97</v>
      </c>
      <c r="H11" s="450">
        <v>-3.1</v>
      </c>
      <c r="I11" s="450">
        <v>98.3</v>
      </c>
      <c r="J11" s="450">
        <v>-1.8</v>
      </c>
      <c r="K11" s="450">
        <v>96</v>
      </c>
      <c r="L11" s="450">
        <v>-4</v>
      </c>
      <c r="M11" s="450">
        <v>95.6</v>
      </c>
      <c r="N11" s="450">
        <v>-4.5</v>
      </c>
      <c r="O11" s="450">
        <v>98.3</v>
      </c>
      <c r="P11" s="450">
        <v>-1.6</v>
      </c>
      <c r="Q11" s="450">
        <v>102.6</v>
      </c>
      <c r="R11" s="450">
        <v>2.6</v>
      </c>
      <c r="S11" s="450">
        <v>98.7</v>
      </c>
      <c r="T11" s="450">
        <v>-1.3</v>
      </c>
      <c r="U11" s="450">
        <v>98.8</v>
      </c>
      <c r="V11" s="450">
        <v>-1.2</v>
      </c>
      <c r="W11" s="450">
        <v>99.6</v>
      </c>
      <c r="X11" s="450">
        <v>-0.4</v>
      </c>
      <c r="Y11" s="450">
        <v>94.6</v>
      </c>
      <c r="Z11" s="450">
        <v>-5.3</v>
      </c>
      <c r="AA11" s="450">
        <v>92.9</v>
      </c>
      <c r="AB11" s="450">
        <v>-7.1</v>
      </c>
      <c r="AC11" s="450">
        <v>102.6</v>
      </c>
      <c r="AD11" s="450">
        <v>2.6</v>
      </c>
      <c r="AE11" s="450">
        <v>98.2</v>
      </c>
      <c r="AF11" s="450">
        <v>-1.8</v>
      </c>
      <c r="AG11" s="450">
        <v>98.6</v>
      </c>
      <c r="AH11" s="450">
        <v>-1.5</v>
      </c>
      <c r="AI11" s="450">
        <v>101.9</v>
      </c>
      <c r="AJ11" s="450">
        <v>1.9</v>
      </c>
      <c r="AK11" s="422"/>
    </row>
    <row r="12" spans="1:37" s="454" customFormat="1" ht="14.25" customHeight="1" x14ac:dyDescent="0.15">
      <c r="A12" s="615"/>
      <c r="B12" s="680"/>
      <c r="C12" s="448" t="s">
        <v>226</v>
      </c>
      <c r="D12" s="449" t="s">
        <v>230</v>
      </c>
      <c r="E12" s="452">
        <v>100.2</v>
      </c>
      <c r="F12" s="453">
        <v>1.1000000000000001</v>
      </c>
      <c r="G12" s="452">
        <v>101.6</v>
      </c>
      <c r="H12" s="452">
        <v>4.7</v>
      </c>
      <c r="I12" s="452">
        <v>101.6</v>
      </c>
      <c r="J12" s="452">
        <v>3.4</v>
      </c>
      <c r="K12" s="452">
        <v>92.4</v>
      </c>
      <c r="L12" s="452">
        <v>-3.8</v>
      </c>
      <c r="M12" s="452">
        <v>85.4</v>
      </c>
      <c r="N12" s="452">
        <v>-10.7</v>
      </c>
      <c r="O12" s="452">
        <v>94.2</v>
      </c>
      <c r="P12" s="452">
        <v>-4.2</v>
      </c>
      <c r="Q12" s="452">
        <v>102.3</v>
      </c>
      <c r="R12" s="452">
        <v>-0.3</v>
      </c>
      <c r="S12" s="452">
        <v>95.4</v>
      </c>
      <c r="T12" s="452">
        <v>-3.3</v>
      </c>
      <c r="U12" s="452">
        <v>96.5</v>
      </c>
      <c r="V12" s="452">
        <v>-2.2999999999999998</v>
      </c>
      <c r="W12" s="452">
        <v>102.1</v>
      </c>
      <c r="X12" s="452">
        <v>2.5</v>
      </c>
      <c r="Y12" s="452">
        <v>96.4</v>
      </c>
      <c r="Z12" s="452">
        <v>1.9</v>
      </c>
      <c r="AA12" s="452">
        <v>98.4</v>
      </c>
      <c r="AB12" s="452">
        <v>5.9</v>
      </c>
      <c r="AC12" s="452">
        <v>102</v>
      </c>
      <c r="AD12" s="452">
        <v>-0.6</v>
      </c>
      <c r="AE12" s="452">
        <v>101.8</v>
      </c>
      <c r="AF12" s="452">
        <v>3.7</v>
      </c>
      <c r="AG12" s="452">
        <v>95.4</v>
      </c>
      <c r="AH12" s="452">
        <v>-3.2</v>
      </c>
      <c r="AI12" s="452">
        <v>103.7</v>
      </c>
      <c r="AJ12" s="452">
        <v>1.8</v>
      </c>
      <c r="AK12" s="196"/>
    </row>
    <row r="13" spans="1:37" s="424" customFormat="1" ht="14.25" customHeight="1" x14ac:dyDescent="0.15">
      <c r="A13" s="615"/>
      <c r="B13" s="680"/>
      <c r="C13" s="448"/>
      <c r="D13" s="449"/>
      <c r="E13" s="452"/>
      <c r="F13" s="453"/>
      <c r="G13" s="452"/>
      <c r="H13" s="452"/>
      <c r="I13" s="452"/>
      <c r="J13" s="452"/>
      <c r="K13" s="452"/>
      <c r="L13" s="452"/>
      <c r="M13" s="452"/>
      <c r="N13" s="452"/>
      <c r="O13" s="452"/>
      <c r="P13" s="452"/>
      <c r="Q13" s="452"/>
      <c r="R13" s="452"/>
      <c r="S13" s="452"/>
      <c r="T13" s="452"/>
      <c r="U13" s="452"/>
      <c r="V13" s="452"/>
      <c r="W13" s="452"/>
      <c r="X13" s="452"/>
      <c r="Y13" s="452"/>
      <c r="Z13" s="452"/>
      <c r="AA13" s="452"/>
      <c r="AB13" s="452"/>
      <c r="AC13" s="452"/>
      <c r="AD13" s="452"/>
      <c r="AE13" s="452"/>
      <c r="AF13" s="452"/>
      <c r="AG13" s="452"/>
      <c r="AH13" s="452"/>
      <c r="AI13" s="452"/>
      <c r="AJ13" s="452"/>
      <c r="AK13" s="422"/>
    </row>
    <row r="14" spans="1:37" s="424" customFormat="1" ht="15" customHeight="1" x14ac:dyDescent="0.15">
      <c r="A14" s="615"/>
      <c r="B14" s="680"/>
      <c r="C14" s="448" t="s">
        <v>207</v>
      </c>
      <c r="D14" s="455" t="s">
        <v>231</v>
      </c>
      <c r="E14" s="450">
        <v>100.3</v>
      </c>
      <c r="F14" s="451">
        <v>1</v>
      </c>
      <c r="G14" s="450">
        <v>103.2</v>
      </c>
      <c r="H14" s="450">
        <v>7.7</v>
      </c>
      <c r="I14" s="450">
        <v>100.8</v>
      </c>
      <c r="J14" s="450">
        <v>3.8</v>
      </c>
      <c r="K14" s="450">
        <v>93.4</v>
      </c>
      <c r="L14" s="450">
        <v>-2.7</v>
      </c>
      <c r="M14" s="450">
        <v>87.9</v>
      </c>
      <c r="N14" s="450">
        <v>-12.5</v>
      </c>
      <c r="O14" s="450">
        <v>93.7</v>
      </c>
      <c r="P14" s="450">
        <v>-5.4</v>
      </c>
      <c r="Q14" s="450">
        <v>102.4</v>
      </c>
      <c r="R14" s="450">
        <v>-0.6</v>
      </c>
      <c r="S14" s="450">
        <v>96.3</v>
      </c>
      <c r="T14" s="450">
        <v>-3.3</v>
      </c>
      <c r="U14" s="450">
        <v>98.3</v>
      </c>
      <c r="V14" s="450">
        <v>-1.3</v>
      </c>
      <c r="W14" s="450">
        <v>102.1</v>
      </c>
      <c r="X14" s="450">
        <v>3.1</v>
      </c>
      <c r="Y14" s="450">
        <v>97.2</v>
      </c>
      <c r="Z14" s="450">
        <v>3.1</v>
      </c>
      <c r="AA14" s="450">
        <v>101.1</v>
      </c>
      <c r="AB14" s="450">
        <v>7.1</v>
      </c>
      <c r="AC14" s="450">
        <v>102.5</v>
      </c>
      <c r="AD14" s="450">
        <v>-0.1</v>
      </c>
      <c r="AE14" s="450">
        <v>100.9</v>
      </c>
      <c r="AF14" s="450">
        <v>2.6</v>
      </c>
      <c r="AG14" s="450">
        <v>95.1</v>
      </c>
      <c r="AH14" s="450">
        <v>-4.7</v>
      </c>
      <c r="AI14" s="450">
        <v>103.3</v>
      </c>
      <c r="AJ14" s="450">
        <v>1.5</v>
      </c>
      <c r="AK14" s="422"/>
    </row>
    <row r="15" spans="1:37" s="454" customFormat="1" ht="15" customHeight="1" x14ac:dyDescent="0.15">
      <c r="A15" s="615"/>
      <c r="B15" s="680"/>
      <c r="C15" s="456" t="s">
        <v>0</v>
      </c>
      <c r="D15" s="455" t="s">
        <v>232</v>
      </c>
      <c r="E15" s="452">
        <v>100.4</v>
      </c>
      <c r="F15" s="453">
        <v>0.8</v>
      </c>
      <c r="G15" s="452">
        <v>103.4</v>
      </c>
      <c r="H15" s="452">
        <v>8</v>
      </c>
      <c r="I15" s="452">
        <v>100.9</v>
      </c>
      <c r="J15" s="452">
        <v>1</v>
      </c>
      <c r="K15" s="452">
        <v>93.1</v>
      </c>
      <c r="L15" s="452">
        <v>-2.4</v>
      </c>
      <c r="M15" s="452">
        <v>83.1</v>
      </c>
      <c r="N15" s="452">
        <v>-16.5</v>
      </c>
      <c r="O15" s="452">
        <v>93.8</v>
      </c>
      <c r="P15" s="452">
        <v>-5.4</v>
      </c>
      <c r="Q15" s="452">
        <v>102.9</v>
      </c>
      <c r="R15" s="452">
        <v>0</v>
      </c>
      <c r="S15" s="452">
        <v>96</v>
      </c>
      <c r="T15" s="452">
        <v>-4.2</v>
      </c>
      <c r="U15" s="452">
        <v>97.5</v>
      </c>
      <c r="V15" s="452">
        <v>-1.5</v>
      </c>
      <c r="W15" s="452">
        <v>102.4</v>
      </c>
      <c r="X15" s="452">
        <v>3.7</v>
      </c>
      <c r="Y15" s="452">
        <v>97.6</v>
      </c>
      <c r="Z15" s="452">
        <v>3.3</v>
      </c>
      <c r="AA15" s="452">
        <v>101.5</v>
      </c>
      <c r="AB15" s="452">
        <v>11.5</v>
      </c>
      <c r="AC15" s="452">
        <v>102.2</v>
      </c>
      <c r="AD15" s="452">
        <v>-1.3</v>
      </c>
      <c r="AE15" s="452">
        <v>101.6</v>
      </c>
      <c r="AF15" s="452">
        <v>3.3</v>
      </c>
      <c r="AG15" s="452">
        <v>95.1</v>
      </c>
      <c r="AH15" s="452">
        <v>-3.8</v>
      </c>
      <c r="AI15" s="452">
        <v>103.5</v>
      </c>
      <c r="AJ15" s="452">
        <v>1.3</v>
      </c>
      <c r="AK15" s="196"/>
    </row>
    <row r="16" spans="1:37" s="424" customFormat="1" ht="15" customHeight="1" x14ac:dyDescent="0.15">
      <c r="A16" s="615"/>
      <c r="B16" s="680"/>
      <c r="C16" s="456" t="s">
        <v>0</v>
      </c>
      <c r="D16" s="455" t="s">
        <v>233</v>
      </c>
      <c r="E16" s="450">
        <v>100.3</v>
      </c>
      <c r="F16" s="451">
        <v>0.9</v>
      </c>
      <c r="G16" s="450">
        <v>102</v>
      </c>
      <c r="H16" s="450">
        <v>6</v>
      </c>
      <c r="I16" s="450">
        <v>103.2</v>
      </c>
      <c r="J16" s="450">
        <v>2.1</v>
      </c>
      <c r="K16" s="450">
        <v>92.9</v>
      </c>
      <c r="L16" s="450">
        <v>-2.2999999999999998</v>
      </c>
      <c r="M16" s="450">
        <v>82.5</v>
      </c>
      <c r="N16" s="450">
        <v>-14.2</v>
      </c>
      <c r="O16" s="450">
        <v>93.6</v>
      </c>
      <c r="P16" s="450">
        <v>-4.9000000000000004</v>
      </c>
      <c r="Q16" s="450">
        <v>102.2</v>
      </c>
      <c r="R16" s="450">
        <v>-0.6</v>
      </c>
      <c r="S16" s="450">
        <v>95</v>
      </c>
      <c r="T16" s="450">
        <v>-4.4000000000000004</v>
      </c>
      <c r="U16" s="450">
        <v>98.1</v>
      </c>
      <c r="V16" s="450">
        <v>0.5</v>
      </c>
      <c r="W16" s="450">
        <v>102.4</v>
      </c>
      <c r="X16" s="450">
        <v>3.1</v>
      </c>
      <c r="Y16" s="450">
        <v>96.8</v>
      </c>
      <c r="Z16" s="450">
        <v>5.9</v>
      </c>
      <c r="AA16" s="450">
        <v>101.9</v>
      </c>
      <c r="AB16" s="450">
        <v>14.2</v>
      </c>
      <c r="AC16" s="450">
        <v>101.7</v>
      </c>
      <c r="AD16" s="450">
        <v>-2.2999999999999998</v>
      </c>
      <c r="AE16" s="450">
        <v>101.1</v>
      </c>
      <c r="AF16" s="450">
        <v>2.7</v>
      </c>
      <c r="AG16" s="450">
        <v>94.4</v>
      </c>
      <c r="AH16" s="450">
        <v>-4.0999999999999996</v>
      </c>
      <c r="AI16" s="450">
        <v>103.3</v>
      </c>
      <c r="AJ16" s="450">
        <v>0.5</v>
      </c>
      <c r="AK16" s="422"/>
    </row>
    <row r="17" spans="1:37" s="454" customFormat="1" ht="15" customHeight="1" x14ac:dyDescent="0.15">
      <c r="A17" s="615"/>
      <c r="B17" s="680"/>
      <c r="C17" s="456" t="s">
        <v>0</v>
      </c>
      <c r="D17" s="455" t="s">
        <v>234</v>
      </c>
      <c r="E17" s="452">
        <v>99.8</v>
      </c>
      <c r="F17" s="453">
        <v>0.8</v>
      </c>
      <c r="G17" s="452">
        <v>101.7</v>
      </c>
      <c r="H17" s="452">
        <v>5.0999999999999996</v>
      </c>
      <c r="I17" s="452">
        <v>101.2</v>
      </c>
      <c r="J17" s="452">
        <v>-0.2</v>
      </c>
      <c r="K17" s="452">
        <v>92.9</v>
      </c>
      <c r="L17" s="452">
        <v>-2.1</v>
      </c>
      <c r="M17" s="452">
        <v>81.900000000000006</v>
      </c>
      <c r="N17" s="452">
        <v>-8.6999999999999993</v>
      </c>
      <c r="O17" s="452">
        <v>93.1</v>
      </c>
      <c r="P17" s="452">
        <v>-4</v>
      </c>
      <c r="Q17" s="452">
        <v>102.1</v>
      </c>
      <c r="R17" s="452">
        <v>-0.6</v>
      </c>
      <c r="S17" s="452">
        <v>94.3</v>
      </c>
      <c r="T17" s="452">
        <v>-5.8</v>
      </c>
      <c r="U17" s="452">
        <v>98.3</v>
      </c>
      <c r="V17" s="452">
        <v>0.4</v>
      </c>
      <c r="W17" s="452">
        <v>102.6</v>
      </c>
      <c r="X17" s="452">
        <v>1.9</v>
      </c>
      <c r="Y17" s="452">
        <v>97</v>
      </c>
      <c r="Z17" s="452">
        <v>7.1</v>
      </c>
      <c r="AA17" s="452">
        <v>100.8</v>
      </c>
      <c r="AB17" s="452">
        <v>12.8</v>
      </c>
      <c r="AC17" s="452">
        <v>100.9</v>
      </c>
      <c r="AD17" s="452">
        <v>-1.8</v>
      </c>
      <c r="AE17" s="452">
        <v>100.5</v>
      </c>
      <c r="AF17" s="452">
        <v>2.1</v>
      </c>
      <c r="AG17" s="452">
        <v>94.1</v>
      </c>
      <c r="AH17" s="452">
        <v>-3.8</v>
      </c>
      <c r="AI17" s="452">
        <v>103.3</v>
      </c>
      <c r="AJ17" s="452">
        <v>0.2</v>
      </c>
      <c r="AK17" s="196"/>
    </row>
    <row r="18" spans="1:37" s="424" customFormat="1" ht="15" customHeight="1" x14ac:dyDescent="0.15">
      <c r="A18" s="615"/>
      <c r="B18" s="680"/>
      <c r="C18" s="456" t="s">
        <v>0</v>
      </c>
      <c r="D18" s="455" t="s">
        <v>235</v>
      </c>
      <c r="E18" s="450">
        <v>100</v>
      </c>
      <c r="F18" s="451">
        <v>0.9</v>
      </c>
      <c r="G18" s="450">
        <v>101.7</v>
      </c>
      <c r="H18" s="450">
        <v>5.0999999999999996</v>
      </c>
      <c r="I18" s="450">
        <v>101.1</v>
      </c>
      <c r="J18" s="450">
        <v>2.2000000000000002</v>
      </c>
      <c r="K18" s="450">
        <v>93.4</v>
      </c>
      <c r="L18" s="450">
        <v>-1.5</v>
      </c>
      <c r="M18" s="450">
        <v>81.5</v>
      </c>
      <c r="N18" s="450">
        <v>-8.4</v>
      </c>
      <c r="O18" s="450">
        <v>93.6</v>
      </c>
      <c r="P18" s="450">
        <v>-3.2</v>
      </c>
      <c r="Q18" s="450">
        <v>102.3</v>
      </c>
      <c r="R18" s="450">
        <v>-0.1</v>
      </c>
      <c r="S18" s="450">
        <v>94</v>
      </c>
      <c r="T18" s="450">
        <v>-5.3</v>
      </c>
      <c r="U18" s="450">
        <v>93.6</v>
      </c>
      <c r="V18" s="450">
        <v>-4.3</v>
      </c>
      <c r="W18" s="450">
        <v>102.4</v>
      </c>
      <c r="X18" s="450">
        <v>2</v>
      </c>
      <c r="Y18" s="450">
        <v>98.9</v>
      </c>
      <c r="Z18" s="450">
        <v>5.8</v>
      </c>
      <c r="AA18" s="450">
        <v>96.9</v>
      </c>
      <c r="AB18" s="450">
        <v>9.1</v>
      </c>
      <c r="AC18" s="450">
        <v>101.2</v>
      </c>
      <c r="AD18" s="450">
        <v>-3</v>
      </c>
      <c r="AE18" s="450">
        <v>100.9</v>
      </c>
      <c r="AF18" s="450">
        <v>1.4</v>
      </c>
      <c r="AG18" s="450">
        <v>95</v>
      </c>
      <c r="AH18" s="450">
        <v>-3.8</v>
      </c>
      <c r="AI18" s="450">
        <v>104.6</v>
      </c>
      <c r="AJ18" s="450">
        <v>1.2</v>
      </c>
      <c r="AK18" s="422"/>
    </row>
    <row r="19" spans="1:37" s="454" customFormat="1" ht="15" customHeight="1" x14ac:dyDescent="0.15">
      <c r="A19" s="615"/>
      <c r="B19" s="680"/>
      <c r="C19" s="456" t="s">
        <v>0</v>
      </c>
      <c r="D19" s="455" t="s">
        <v>236</v>
      </c>
      <c r="E19" s="452">
        <v>100.2</v>
      </c>
      <c r="F19" s="453">
        <v>0.5</v>
      </c>
      <c r="G19" s="452">
        <v>101.5</v>
      </c>
      <c r="H19" s="452">
        <v>3.9</v>
      </c>
      <c r="I19" s="452">
        <v>102.8</v>
      </c>
      <c r="J19" s="452">
        <v>2.4</v>
      </c>
      <c r="K19" s="452">
        <v>93.3</v>
      </c>
      <c r="L19" s="452">
        <v>-1.4</v>
      </c>
      <c r="M19" s="452">
        <v>81.900000000000006</v>
      </c>
      <c r="N19" s="452">
        <v>-7.7</v>
      </c>
      <c r="O19" s="452">
        <v>93.9</v>
      </c>
      <c r="P19" s="452">
        <v>-2.6</v>
      </c>
      <c r="Q19" s="452">
        <v>102.2</v>
      </c>
      <c r="R19" s="452">
        <v>-0.7</v>
      </c>
      <c r="S19" s="452">
        <v>94.2</v>
      </c>
      <c r="T19" s="452">
        <v>-4.9000000000000004</v>
      </c>
      <c r="U19" s="452">
        <v>92.8</v>
      </c>
      <c r="V19" s="452">
        <v>-4.7</v>
      </c>
      <c r="W19" s="452">
        <v>102.5</v>
      </c>
      <c r="X19" s="452">
        <v>1.4</v>
      </c>
      <c r="Y19" s="452">
        <v>97.4</v>
      </c>
      <c r="Z19" s="452">
        <v>1.9</v>
      </c>
      <c r="AA19" s="452">
        <v>96.4</v>
      </c>
      <c r="AB19" s="452">
        <v>4.7</v>
      </c>
      <c r="AC19" s="452">
        <v>101.5</v>
      </c>
      <c r="AD19" s="452">
        <v>-3</v>
      </c>
      <c r="AE19" s="452">
        <v>101.4</v>
      </c>
      <c r="AF19" s="452">
        <v>1.7</v>
      </c>
      <c r="AG19" s="452">
        <v>95</v>
      </c>
      <c r="AH19" s="452">
        <v>-3.7</v>
      </c>
      <c r="AI19" s="452">
        <v>105</v>
      </c>
      <c r="AJ19" s="452">
        <v>1.8</v>
      </c>
      <c r="AK19" s="196"/>
    </row>
    <row r="20" spans="1:37" s="424" customFormat="1" ht="15" customHeight="1" x14ac:dyDescent="0.15">
      <c r="A20" s="615"/>
      <c r="B20" s="680"/>
      <c r="C20" s="456" t="s">
        <v>0</v>
      </c>
      <c r="D20" s="455" t="s">
        <v>237</v>
      </c>
      <c r="E20" s="450">
        <v>99.9</v>
      </c>
      <c r="F20" s="451">
        <v>-0.2</v>
      </c>
      <c r="G20" s="450">
        <v>101.4</v>
      </c>
      <c r="H20" s="450">
        <v>3</v>
      </c>
      <c r="I20" s="450">
        <v>99.8</v>
      </c>
      <c r="J20" s="450">
        <v>0.3</v>
      </c>
      <c r="K20" s="450">
        <v>93.2</v>
      </c>
      <c r="L20" s="450">
        <v>-1.7</v>
      </c>
      <c r="M20" s="450">
        <v>82.1</v>
      </c>
      <c r="N20" s="450">
        <v>-6.6</v>
      </c>
      <c r="O20" s="450">
        <v>93.5</v>
      </c>
      <c r="P20" s="450">
        <v>-3.4</v>
      </c>
      <c r="Q20" s="450">
        <v>103</v>
      </c>
      <c r="R20" s="450">
        <v>0.4</v>
      </c>
      <c r="S20" s="450">
        <v>93.8</v>
      </c>
      <c r="T20" s="450">
        <v>-5</v>
      </c>
      <c r="U20" s="450">
        <v>92.8</v>
      </c>
      <c r="V20" s="450">
        <v>-5.4</v>
      </c>
      <c r="W20" s="450">
        <v>102.9</v>
      </c>
      <c r="X20" s="450">
        <v>1.5</v>
      </c>
      <c r="Y20" s="450">
        <v>97.3</v>
      </c>
      <c r="Z20" s="450">
        <v>-0.7</v>
      </c>
      <c r="AA20" s="450">
        <v>96.3</v>
      </c>
      <c r="AB20" s="450">
        <v>-0.4</v>
      </c>
      <c r="AC20" s="450">
        <v>101.7</v>
      </c>
      <c r="AD20" s="450">
        <v>-3.1</v>
      </c>
      <c r="AE20" s="450">
        <v>101.5</v>
      </c>
      <c r="AF20" s="450">
        <v>1.6</v>
      </c>
      <c r="AG20" s="450">
        <v>95.7</v>
      </c>
      <c r="AH20" s="450">
        <v>-2.1</v>
      </c>
      <c r="AI20" s="450">
        <v>104.8</v>
      </c>
      <c r="AJ20" s="450">
        <v>1.3</v>
      </c>
      <c r="AK20" s="422"/>
    </row>
    <row r="21" spans="1:37" s="454" customFormat="1" ht="15" customHeight="1" x14ac:dyDescent="0.15">
      <c r="A21" s="615"/>
      <c r="B21" s="680"/>
      <c r="C21" s="456" t="s">
        <v>238</v>
      </c>
      <c r="D21" s="455" t="s">
        <v>239</v>
      </c>
      <c r="E21" s="452">
        <v>100.5</v>
      </c>
      <c r="F21" s="453">
        <v>-0.2</v>
      </c>
      <c r="G21" s="452">
        <v>102</v>
      </c>
      <c r="H21" s="452">
        <v>3.6</v>
      </c>
      <c r="I21" s="452">
        <v>102</v>
      </c>
      <c r="J21" s="452">
        <v>-0.5</v>
      </c>
      <c r="K21" s="452">
        <v>92.9</v>
      </c>
      <c r="L21" s="452">
        <v>4.0999999999999996</v>
      </c>
      <c r="M21" s="452">
        <v>83.1</v>
      </c>
      <c r="N21" s="452">
        <v>-4.8</v>
      </c>
      <c r="O21" s="452">
        <v>92.8</v>
      </c>
      <c r="P21" s="452">
        <v>-3.2</v>
      </c>
      <c r="Q21" s="452">
        <v>102.2</v>
      </c>
      <c r="R21" s="452">
        <v>-0.5</v>
      </c>
      <c r="S21" s="452">
        <v>93.6</v>
      </c>
      <c r="T21" s="452">
        <v>-3.8</v>
      </c>
      <c r="U21" s="452">
        <v>92.8</v>
      </c>
      <c r="V21" s="452">
        <v>-4.4000000000000004</v>
      </c>
      <c r="W21" s="452">
        <v>102.8</v>
      </c>
      <c r="X21" s="452">
        <v>1.8</v>
      </c>
      <c r="Y21" s="452">
        <v>97.2</v>
      </c>
      <c r="Z21" s="452">
        <v>1.4</v>
      </c>
      <c r="AA21" s="452">
        <v>93.4</v>
      </c>
      <c r="AB21" s="452">
        <v>-2.2999999999999998</v>
      </c>
      <c r="AC21" s="452">
        <v>101.3</v>
      </c>
      <c r="AD21" s="452">
        <v>-3.4</v>
      </c>
      <c r="AE21" s="452">
        <v>104.3</v>
      </c>
      <c r="AF21" s="452">
        <v>1</v>
      </c>
      <c r="AG21" s="452">
        <v>94.6</v>
      </c>
      <c r="AH21" s="452">
        <v>-3.2</v>
      </c>
      <c r="AI21" s="452">
        <v>105.9</v>
      </c>
      <c r="AJ21" s="452">
        <v>2.2000000000000002</v>
      </c>
      <c r="AK21" s="196"/>
    </row>
    <row r="22" spans="1:37" s="424" customFormat="1" ht="15" customHeight="1" x14ac:dyDescent="0.15">
      <c r="A22" s="615"/>
      <c r="B22" s="680"/>
      <c r="C22" s="456" t="s">
        <v>0</v>
      </c>
      <c r="D22" s="455" t="s">
        <v>240</v>
      </c>
      <c r="E22" s="450">
        <v>100.4</v>
      </c>
      <c r="F22" s="451">
        <v>0.7</v>
      </c>
      <c r="G22" s="450">
        <v>102.2</v>
      </c>
      <c r="H22" s="450">
        <v>3.4</v>
      </c>
      <c r="I22" s="450">
        <v>101.9</v>
      </c>
      <c r="J22" s="450">
        <v>-0.1</v>
      </c>
      <c r="K22" s="450">
        <v>93</v>
      </c>
      <c r="L22" s="450">
        <v>4.4000000000000004</v>
      </c>
      <c r="M22" s="450">
        <v>83.3</v>
      </c>
      <c r="N22" s="450">
        <v>-4.0999999999999996</v>
      </c>
      <c r="O22" s="450">
        <v>92.8</v>
      </c>
      <c r="P22" s="450">
        <v>-2.9</v>
      </c>
      <c r="Q22" s="450">
        <v>102.1</v>
      </c>
      <c r="R22" s="450">
        <v>-0.6</v>
      </c>
      <c r="S22" s="450">
        <v>93.4</v>
      </c>
      <c r="T22" s="450">
        <v>-3.7</v>
      </c>
      <c r="U22" s="450">
        <v>93.5</v>
      </c>
      <c r="V22" s="450">
        <v>-3.1</v>
      </c>
      <c r="W22" s="450">
        <v>102.7</v>
      </c>
      <c r="X22" s="450">
        <v>1.6</v>
      </c>
      <c r="Y22" s="450">
        <v>98.3</v>
      </c>
      <c r="Z22" s="450">
        <v>3.7</v>
      </c>
      <c r="AA22" s="450">
        <v>95.4</v>
      </c>
      <c r="AB22" s="450">
        <v>1.2</v>
      </c>
      <c r="AC22" s="450">
        <v>99.1</v>
      </c>
      <c r="AD22" s="450">
        <v>-4.0999999999999996</v>
      </c>
      <c r="AE22" s="450">
        <v>104.6</v>
      </c>
      <c r="AF22" s="450">
        <v>5.5</v>
      </c>
      <c r="AG22" s="450">
        <v>93.3</v>
      </c>
      <c r="AH22" s="450">
        <v>-4.0999999999999996</v>
      </c>
      <c r="AI22" s="450">
        <v>105</v>
      </c>
      <c r="AJ22" s="450">
        <v>1.4</v>
      </c>
      <c r="AK22" s="422"/>
    </row>
    <row r="23" spans="1:37" s="454" customFormat="1" ht="15" customHeight="1" x14ac:dyDescent="0.15">
      <c r="A23" s="615"/>
      <c r="B23" s="680"/>
      <c r="C23" s="456" t="s">
        <v>0</v>
      </c>
      <c r="D23" s="455" t="s">
        <v>241</v>
      </c>
      <c r="E23" s="452">
        <v>100.1</v>
      </c>
      <c r="F23" s="453">
        <v>0.3</v>
      </c>
      <c r="G23" s="452">
        <v>102.3</v>
      </c>
      <c r="H23" s="452">
        <v>1.6</v>
      </c>
      <c r="I23" s="452">
        <v>98.2</v>
      </c>
      <c r="J23" s="452">
        <v>-2.2000000000000002</v>
      </c>
      <c r="K23" s="452">
        <v>91.6</v>
      </c>
      <c r="L23" s="452">
        <v>-0.8</v>
      </c>
      <c r="M23" s="452">
        <v>82.3</v>
      </c>
      <c r="N23" s="452">
        <v>-5.8</v>
      </c>
      <c r="O23" s="452">
        <v>92.6</v>
      </c>
      <c r="P23" s="452">
        <v>-2.7</v>
      </c>
      <c r="Q23" s="452">
        <v>101.5</v>
      </c>
      <c r="R23" s="452">
        <v>-0.3</v>
      </c>
      <c r="S23" s="452">
        <v>91.9</v>
      </c>
      <c r="T23" s="452">
        <v>-3.5</v>
      </c>
      <c r="U23" s="452">
        <v>93.7</v>
      </c>
      <c r="V23" s="452">
        <v>-2.5</v>
      </c>
      <c r="W23" s="452">
        <v>103</v>
      </c>
      <c r="X23" s="452">
        <v>1.9</v>
      </c>
      <c r="Y23" s="452">
        <v>98.3</v>
      </c>
      <c r="Z23" s="452">
        <v>3.9</v>
      </c>
      <c r="AA23" s="452">
        <v>98.5</v>
      </c>
      <c r="AB23" s="452">
        <v>1.2</v>
      </c>
      <c r="AC23" s="452">
        <v>100.9</v>
      </c>
      <c r="AD23" s="452">
        <v>-1.8</v>
      </c>
      <c r="AE23" s="452">
        <v>104.9</v>
      </c>
      <c r="AF23" s="452">
        <v>2.6</v>
      </c>
      <c r="AG23" s="452">
        <v>92.4</v>
      </c>
      <c r="AH23" s="452">
        <v>-2.8</v>
      </c>
      <c r="AI23" s="452">
        <v>105.6</v>
      </c>
      <c r="AJ23" s="452">
        <v>2.6</v>
      </c>
      <c r="AK23" s="196"/>
    </row>
    <row r="24" spans="1:37" s="424" customFormat="1" ht="15" customHeight="1" x14ac:dyDescent="0.15">
      <c r="A24" s="615"/>
      <c r="B24" s="680"/>
      <c r="C24" s="456" t="s">
        <v>0</v>
      </c>
      <c r="D24" s="455" t="s">
        <v>242</v>
      </c>
      <c r="E24" s="450">
        <v>100.7</v>
      </c>
      <c r="F24" s="451">
        <v>0.4</v>
      </c>
      <c r="G24" s="450">
        <v>102.4</v>
      </c>
      <c r="H24" s="450">
        <v>-0.8</v>
      </c>
      <c r="I24" s="450">
        <v>102.2</v>
      </c>
      <c r="J24" s="450">
        <v>-0.2</v>
      </c>
      <c r="K24" s="450">
        <v>90.8</v>
      </c>
      <c r="L24" s="450">
        <v>-2.2000000000000002</v>
      </c>
      <c r="M24" s="450">
        <v>86.1</v>
      </c>
      <c r="N24" s="450">
        <v>-5.6</v>
      </c>
      <c r="O24" s="450">
        <v>91</v>
      </c>
      <c r="P24" s="450">
        <v>-4.0999999999999996</v>
      </c>
      <c r="Q24" s="450">
        <v>100.8</v>
      </c>
      <c r="R24" s="450">
        <v>-0.5</v>
      </c>
      <c r="S24" s="450">
        <v>85.5</v>
      </c>
      <c r="T24" s="450">
        <v>-10.9</v>
      </c>
      <c r="U24" s="450">
        <v>95.6</v>
      </c>
      <c r="V24" s="450">
        <v>-3.1</v>
      </c>
      <c r="W24" s="450">
        <v>103.7</v>
      </c>
      <c r="X24" s="450">
        <v>1.1000000000000001</v>
      </c>
      <c r="Y24" s="450">
        <v>97.1</v>
      </c>
      <c r="Z24" s="450">
        <v>4.3</v>
      </c>
      <c r="AA24" s="450">
        <v>99.8</v>
      </c>
      <c r="AB24" s="450">
        <v>0.8</v>
      </c>
      <c r="AC24" s="450">
        <v>101.9</v>
      </c>
      <c r="AD24" s="450">
        <v>2.1</v>
      </c>
      <c r="AE24" s="450">
        <v>106.2</v>
      </c>
      <c r="AF24" s="450">
        <v>1.9</v>
      </c>
      <c r="AG24" s="450">
        <v>91.8</v>
      </c>
      <c r="AH24" s="450">
        <v>-3.3</v>
      </c>
      <c r="AI24" s="450">
        <v>106</v>
      </c>
      <c r="AJ24" s="450">
        <v>3</v>
      </c>
      <c r="AK24" s="422"/>
    </row>
    <row r="25" spans="1:37" s="454" customFormat="1" ht="15" customHeight="1" x14ac:dyDescent="0.15">
      <c r="A25" s="615"/>
      <c r="B25" s="680"/>
      <c r="C25" s="456" t="s">
        <v>0</v>
      </c>
      <c r="D25" s="455" t="s">
        <v>243</v>
      </c>
      <c r="E25" s="452">
        <v>101.3</v>
      </c>
      <c r="F25" s="453">
        <v>0.6</v>
      </c>
      <c r="G25" s="452">
        <v>102.8</v>
      </c>
      <c r="H25" s="452">
        <v>-0.1</v>
      </c>
      <c r="I25" s="452">
        <v>102.7</v>
      </c>
      <c r="J25" s="452">
        <v>0.2</v>
      </c>
      <c r="K25" s="452">
        <v>91.1</v>
      </c>
      <c r="L25" s="452">
        <v>-2.1</v>
      </c>
      <c r="M25" s="452">
        <v>86.1</v>
      </c>
      <c r="N25" s="452">
        <v>-5.6</v>
      </c>
      <c r="O25" s="452">
        <v>90.8</v>
      </c>
      <c r="P25" s="452">
        <v>-2.7</v>
      </c>
      <c r="Q25" s="452">
        <v>101.7</v>
      </c>
      <c r="R25" s="452">
        <v>0.3</v>
      </c>
      <c r="S25" s="452">
        <v>85.9</v>
      </c>
      <c r="T25" s="452">
        <v>-10.4</v>
      </c>
      <c r="U25" s="452">
        <v>95.7</v>
      </c>
      <c r="V25" s="452">
        <v>-2.5</v>
      </c>
      <c r="W25" s="452">
        <v>102.2</v>
      </c>
      <c r="X25" s="452">
        <v>0.1</v>
      </c>
      <c r="Y25" s="452">
        <v>100.6</v>
      </c>
      <c r="Z25" s="452">
        <v>5.0999999999999996</v>
      </c>
      <c r="AA25" s="452">
        <v>100.9</v>
      </c>
      <c r="AB25" s="452">
        <v>1.4</v>
      </c>
      <c r="AC25" s="452">
        <v>104.3</v>
      </c>
      <c r="AD25" s="452">
        <v>3</v>
      </c>
      <c r="AE25" s="452">
        <v>106.5</v>
      </c>
      <c r="AF25" s="452">
        <v>1.9</v>
      </c>
      <c r="AG25" s="452">
        <v>91.9</v>
      </c>
      <c r="AH25" s="452">
        <v>-3.6</v>
      </c>
      <c r="AI25" s="452">
        <v>104.4</v>
      </c>
      <c r="AJ25" s="452">
        <v>1.2</v>
      </c>
      <c r="AK25" s="196"/>
    </row>
    <row r="26" spans="1:37" s="424" customFormat="1" ht="14.25" customHeight="1" x14ac:dyDescent="0.15">
      <c r="A26" s="615"/>
      <c r="B26" s="680"/>
      <c r="C26" s="448"/>
      <c r="D26" s="455"/>
      <c r="E26" s="493"/>
      <c r="F26" s="453"/>
      <c r="G26" s="452"/>
      <c r="H26" s="452"/>
      <c r="I26" s="493"/>
      <c r="J26" s="452"/>
      <c r="K26" s="493"/>
      <c r="L26" s="452"/>
      <c r="M26" s="493"/>
      <c r="N26" s="452"/>
      <c r="O26" s="493"/>
      <c r="P26" s="452"/>
      <c r="Q26" s="493"/>
      <c r="R26" s="452"/>
      <c r="S26" s="493"/>
      <c r="T26" s="452"/>
      <c r="U26" s="452"/>
      <c r="V26" s="452"/>
      <c r="W26" s="452"/>
      <c r="X26" s="452"/>
      <c r="Y26" s="452"/>
      <c r="Z26" s="452"/>
      <c r="AA26" s="452"/>
      <c r="AB26" s="452"/>
      <c r="AC26" s="493"/>
      <c r="AD26" s="452"/>
      <c r="AE26" s="493"/>
      <c r="AF26" s="452"/>
      <c r="AG26" s="493"/>
      <c r="AH26" s="452"/>
      <c r="AI26" s="493"/>
      <c r="AJ26" s="452"/>
      <c r="AK26" s="422"/>
    </row>
    <row r="27" spans="1:37" s="424" customFormat="1" ht="14.25" customHeight="1" x14ac:dyDescent="0.15">
      <c r="A27" s="615"/>
      <c r="B27" s="680"/>
      <c r="C27" s="456" t="s">
        <v>238</v>
      </c>
      <c r="D27" s="455" t="s">
        <v>231</v>
      </c>
      <c r="E27" s="450">
        <v>101.3</v>
      </c>
      <c r="F27" s="451">
        <v>1</v>
      </c>
      <c r="G27" s="450">
        <v>103.1</v>
      </c>
      <c r="H27" s="450">
        <v>-0.1</v>
      </c>
      <c r="I27" s="450">
        <v>99.1</v>
      </c>
      <c r="J27" s="450">
        <v>-1.7</v>
      </c>
      <c r="K27" s="450">
        <v>91.2</v>
      </c>
      <c r="L27" s="450">
        <v>-2.4</v>
      </c>
      <c r="M27" s="450">
        <v>85.1</v>
      </c>
      <c r="N27" s="450">
        <v>-3.2</v>
      </c>
      <c r="O27" s="450">
        <v>90.7</v>
      </c>
      <c r="P27" s="450">
        <v>-3.2</v>
      </c>
      <c r="Q27" s="450">
        <v>101.9</v>
      </c>
      <c r="R27" s="450">
        <v>-0.5</v>
      </c>
      <c r="S27" s="450">
        <v>85.8</v>
      </c>
      <c r="T27" s="450">
        <v>-10.9</v>
      </c>
      <c r="U27" s="450">
        <v>97.9</v>
      </c>
      <c r="V27" s="450">
        <v>-0.4</v>
      </c>
      <c r="W27" s="450">
        <v>101.5</v>
      </c>
      <c r="X27" s="450">
        <v>-0.6</v>
      </c>
      <c r="Y27" s="450">
        <v>104.2</v>
      </c>
      <c r="Z27" s="450">
        <v>7.2</v>
      </c>
      <c r="AA27" s="450">
        <v>101.4</v>
      </c>
      <c r="AB27" s="450">
        <v>0.3</v>
      </c>
      <c r="AC27" s="450">
        <v>105.8</v>
      </c>
      <c r="AD27" s="450">
        <v>3.2</v>
      </c>
      <c r="AE27" s="450">
        <v>106.7</v>
      </c>
      <c r="AF27" s="450">
        <v>5.7</v>
      </c>
      <c r="AG27" s="450">
        <v>92.3</v>
      </c>
      <c r="AH27" s="450">
        <v>-2.9</v>
      </c>
      <c r="AI27" s="450">
        <v>103.4</v>
      </c>
      <c r="AJ27" s="450">
        <v>0.1</v>
      </c>
      <c r="AK27" s="422"/>
    </row>
    <row r="28" spans="1:37" s="424" customFormat="1" ht="11.25" customHeight="1" x14ac:dyDescent="0.15">
      <c r="A28" s="615"/>
      <c r="B28" s="681"/>
      <c r="C28" s="457"/>
      <c r="D28" s="458"/>
      <c r="E28" s="452"/>
      <c r="F28" s="453"/>
      <c r="G28" s="452"/>
      <c r="H28" s="452"/>
      <c r="I28" s="452"/>
      <c r="J28" s="452"/>
      <c r="K28" s="452"/>
      <c r="L28" s="452"/>
      <c r="M28" s="452"/>
      <c r="N28" s="452"/>
      <c r="O28" s="452"/>
      <c r="P28" s="452"/>
      <c r="Q28" s="452"/>
      <c r="R28" s="452"/>
      <c r="S28" s="452"/>
      <c r="T28" s="452"/>
      <c r="U28" s="452"/>
      <c r="V28" s="452"/>
      <c r="W28" s="452"/>
      <c r="X28" s="452"/>
      <c r="Y28" s="452"/>
      <c r="Z28" s="452"/>
      <c r="AA28" s="452"/>
      <c r="AB28" s="452"/>
      <c r="AC28" s="452"/>
      <c r="AD28" s="452"/>
      <c r="AE28" s="452"/>
      <c r="AF28" s="452"/>
      <c r="AG28" s="452"/>
      <c r="AH28" s="452"/>
      <c r="AI28" s="452"/>
      <c r="AJ28" s="452"/>
      <c r="AK28" s="422"/>
    </row>
    <row r="29" spans="1:37" s="424" customFormat="1" ht="11.25" customHeight="1" x14ac:dyDescent="0.15">
      <c r="A29" s="615"/>
      <c r="B29" s="459"/>
      <c r="C29" s="460"/>
      <c r="D29" s="461"/>
      <c r="E29" s="462"/>
      <c r="F29" s="463"/>
      <c r="G29" s="462"/>
      <c r="H29" s="462"/>
      <c r="I29" s="462"/>
      <c r="J29" s="462"/>
      <c r="K29" s="462"/>
      <c r="L29" s="462"/>
      <c r="M29" s="462"/>
      <c r="N29" s="462"/>
      <c r="O29" s="462"/>
      <c r="P29" s="462"/>
      <c r="Q29" s="462"/>
      <c r="R29" s="462"/>
      <c r="S29" s="462"/>
      <c r="T29" s="462"/>
      <c r="U29" s="462"/>
      <c r="V29" s="462"/>
      <c r="W29" s="462"/>
      <c r="X29" s="462"/>
      <c r="Y29" s="462"/>
      <c r="Z29" s="462"/>
      <c r="AA29" s="462"/>
      <c r="AB29" s="462"/>
      <c r="AC29" s="462"/>
      <c r="AD29" s="462"/>
      <c r="AE29" s="462"/>
      <c r="AF29" s="462"/>
      <c r="AG29" s="462"/>
      <c r="AH29" s="462"/>
      <c r="AI29" s="462"/>
      <c r="AJ29" s="462"/>
      <c r="AK29" s="422"/>
    </row>
    <row r="30" spans="1:37" s="424" customFormat="1" ht="14.25" customHeight="1" x14ac:dyDescent="0.15">
      <c r="A30" s="615"/>
      <c r="B30" s="472"/>
      <c r="C30" s="448" t="s">
        <v>226</v>
      </c>
      <c r="D30" s="449" t="s">
        <v>227</v>
      </c>
      <c r="E30" s="450">
        <v>100.9</v>
      </c>
      <c r="F30" s="451">
        <v>1.4</v>
      </c>
      <c r="G30" s="450">
        <v>108.8</v>
      </c>
      <c r="H30" s="450">
        <v>-2.4</v>
      </c>
      <c r="I30" s="450">
        <v>101.2</v>
      </c>
      <c r="J30" s="450">
        <v>0</v>
      </c>
      <c r="K30" s="450">
        <v>104.7</v>
      </c>
      <c r="L30" s="450">
        <v>-6</v>
      </c>
      <c r="M30" s="450">
        <v>101.7</v>
      </c>
      <c r="N30" s="450">
        <v>-2.8</v>
      </c>
      <c r="O30" s="450">
        <v>99.7</v>
      </c>
      <c r="P30" s="450">
        <v>1.9</v>
      </c>
      <c r="Q30" s="450">
        <v>100.5</v>
      </c>
      <c r="R30" s="450">
        <v>0.4</v>
      </c>
      <c r="S30" s="450">
        <v>103.6</v>
      </c>
      <c r="T30" s="450">
        <v>-1.2</v>
      </c>
      <c r="U30" s="450">
        <v>100.8</v>
      </c>
      <c r="V30" s="450">
        <v>2.2999999999999998</v>
      </c>
      <c r="W30" s="450">
        <v>98.7</v>
      </c>
      <c r="X30" s="450">
        <v>0.2</v>
      </c>
      <c r="Y30" s="450">
        <v>100.2</v>
      </c>
      <c r="Z30" s="450">
        <v>0.7</v>
      </c>
      <c r="AA30" s="450">
        <v>99.1</v>
      </c>
      <c r="AB30" s="450">
        <v>2</v>
      </c>
      <c r="AC30" s="450">
        <v>105.2</v>
      </c>
      <c r="AD30" s="450">
        <v>-0.6</v>
      </c>
      <c r="AE30" s="450">
        <v>98.9</v>
      </c>
      <c r="AF30" s="450">
        <v>1.1000000000000001</v>
      </c>
      <c r="AG30" s="450">
        <v>102.7</v>
      </c>
      <c r="AH30" s="450">
        <v>45.5</v>
      </c>
      <c r="AI30" s="450">
        <v>100.9</v>
      </c>
      <c r="AJ30" s="450">
        <v>9</v>
      </c>
      <c r="AK30" s="422"/>
    </row>
    <row r="31" spans="1:37" s="454" customFormat="1" ht="14.25" customHeight="1" x14ac:dyDescent="0.15">
      <c r="A31" s="615"/>
      <c r="B31" s="479"/>
      <c r="C31" s="448" t="s">
        <v>226</v>
      </c>
      <c r="D31" s="449" t="s">
        <v>228</v>
      </c>
      <c r="E31" s="452">
        <v>100</v>
      </c>
      <c r="F31" s="453">
        <v>-0.8</v>
      </c>
      <c r="G31" s="452">
        <v>100</v>
      </c>
      <c r="H31" s="452">
        <v>-8.1</v>
      </c>
      <c r="I31" s="452">
        <v>100</v>
      </c>
      <c r="J31" s="452">
        <v>-1.1000000000000001</v>
      </c>
      <c r="K31" s="452">
        <v>100</v>
      </c>
      <c r="L31" s="452">
        <v>-4.5999999999999996</v>
      </c>
      <c r="M31" s="452">
        <v>100</v>
      </c>
      <c r="N31" s="452">
        <v>-1.7</v>
      </c>
      <c r="O31" s="452">
        <v>100</v>
      </c>
      <c r="P31" s="452">
        <v>0.3</v>
      </c>
      <c r="Q31" s="452">
        <v>100</v>
      </c>
      <c r="R31" s="452">
        <v>-0.5</v>
      </c>
      <c r="S31" s="452">
        <v>100</v>
      </c>
      <c r="T31" s="452">
        <v>-3.5</v>
      </c>
      <c r="U31" s="452">
        <v>100</v>
      </c>
      <c r="V31" s="452">
        <v>-0.7</v>
      </c>
      <c r="W31" s="452">
        <v>100</v>
      </c>
      <c r="X31" s="452">
        <v>1.4</v>
      </c>
      <c r="Y31" s="452">
        <v>100</v>
      </c>
      <c r="Z31" s="452">
        <v>-0.2</v>
      </c>
      <c r="AA31" s="452">
        <v>100</v>
      </c>
      <c r="AB31" s="452">
        <v>0.9</v>
      </c>
      <c r="AC31" s="452">
        <v>100</v>
      </c>
      <c r="AD31" s="452">
        <v>-4.9000000000000004</v>
      </c>
      <c r="AE31" s="452">
        <v>100</v>
      </c>
      <c r="AF31" s="452">
        <v>1</v>
      </c>
      <c r="AG31" s="452">
        <v>100</v>
      </c>
      <c r="AH31" s="452">
        <v>-2.8</v>
      </c>
      <c r="AI31" s="452">
        <v>100</v>
      </c>
      <c r="AJ31" s="452">
        <v>-0.8</v>
      </c>
      <c r="AK31" s="196"/>
    </row>
    <row r="32" spans="1:37" s="424" customFormat="1" ht="14.25" customHeight="1" x14ac:dyDescent="0.15">
      <c r="A32" s="615"/>
      <c r="B32" s="472"/>
      <c r="C32" s="448" t="s">
        <v>226</v>
      </c>
      <c r="D32" s="449" t="s">
        <v>229</v>
      </c>
      <c r="E32" s="450">
        <v>98.9</v>
      </c>
      <c r="F32" s="451">
        <v>-1.1000000000000001</v>
      </c>
      <c r="G32" s="450">
        <v>94.2</v>
      </c>
      <c r="H32" s="450">
        <v>-5.8</v>
      </c>
      <c r="I32" s="450">
        <v>99.4</v>
      </c>
      <c r="J32" s="450">
        <v>-0.6</v>
      </c>
      <c r="K32" s="450">
        <v>95.2</v>
      </c>
      <c r="L32" s="450">
        <v>-4.8</v>
      </c>
      <c r="M32" s="450">
        <v>94.1</v>
      </c>
      <c r="N32" s="450">
        <v>-6</v>
      </c>
      <c r="O32" s="450">
        <v>99.2</v>
      </c>
      <c r="P32" s="450">
        <v>-0.9</v>
      </c>
      <c r="Q32" s="450">
        <v>102.7</v>
      </c>
      <c r="R32" s="450">
        <v>2.8</v>
      </c>
      <c r="S32" s="450">
        <v>98.4</v>
      </c>
      <c r="T32" s="450">
        <v>-1.7</v>
      </c>
      <c r="U32" s="450">
        <v>101</v>
      </c>
      <c r="V32" s="450">
        <v>0.9</v>
      </c>
      <c r="W32" s="450">
        <v>96.3</v>
      </c>
      <c r="X32" s="450">
        <v>-3.7</v>
      </c>
      <c r="Y32" s="450">
        <v>99.6</v>
      </c>
      <c r="Z32" s="450">
        <v>-0.5</v>
      </c>
      <c r="AA32" s="450">
        <v>98.3</v>
      </c>
      <c r="AB32" s="450">
        <v>-1.8</v>
      </c>
      <c r="AC32" s="450">
        <v>101.7</v>
      </c>
      <c r="AD32" s="450">
        <v>1.7</v>
      </c>
      <c r="AE32" s="450">
        <v>95.7</v>
      </c>
      <c r="AF32" s="450">
        <v>-4.4000000000000004</v>
      </c>
      <c r="AG32" s="450">
        <v>97.5</v>
      </c>
      <c r="AH32" s="450">
        <v>-2.5</v>
      </c>
      <c r="AI32" s="450">
        <v>101</v>
      </c>
      <c r="AJ32" s="450">
        <v>1</v>
      </c>
      <c r="AK32" s="422"/>
    </row>
    <row r="33" spans="1:37" s="454" customFormat="1" ht="14.25" customHeight="1" x14ac:dyDescent="0.15">
      <c r="A33" s="615"/>
      <c r="B33" s="479"/>
      <c r="C33" s="448" t="s">
        <v>226</v>
      </c>
      <c r="D33" s="449" t="s">
        <v>230</v>
      </c>
      <c r="E33" s="452">
        <v>99.1</v>
      </c>
      <c r="F33" s="453">
        <v>0.2</v>
      </c>
      <c r="G33" s="452">
        <v>104.4</v>
      </c>
      <c r="H33" s="452">
        <v>10.8</v>
      </c>
      <c r="I33" s="452">
        <v>102.1</v>
      </c>
      <c r="J33" s="452">
        <v>2.7</v>
      </c>
      <c r="K33" s="452">
        <v>90.6</v>
      </c>
      <c r="L33" s="452">
        <v>-4.8</v>
      </c>
      <c r="M33" s="452">
        <v>84.5</v>
      </c>
      <c r="N33" s="452">
        <v>-10.199999999999999</v>
      </c>
      <c r="O33" s="452">
        <v>95.6</v>
      </c>
      <c r="P33" s="452">
        <v>-3.6</v>
      </c>
      <c r="Q33" s="452">
        <v>102</v>
      </c>
      <c r="R33" s="452">
        <v>-0.7</v>
      </c>
      <c r="S33" s="452">
        <v>94.5</v>
      </c>
      <c r="T33" s="452">
        <v>-4</v>
      </c>
      <c r="U33" s="452">
        <v>97.4</v>
      </c>
      <c r="V33" s="452">
        <v>-3.6</v>
      </c>
      <c r="W33" s="452">
        <v>97.2</v>
      </c>
      <c r="X33" s="452">
        <v>0.9</v>
      </c>
      <c r="Y33" s="452">
        <v>96.8</v>
      </c>
      <c r="Z33" s="452">
        <v>-2.8</v>
      </c>
      <c r="AA33" s="452">
        <v>100.1</v>
      </c>
      <c r="AB33" s="452">
        <v>1.8</v>
      </c>
      <c r="AC33" s="452">
        <v>99.9</v>
      </c>
      <c r="AD33" s="452">
        <v>-1.8</v>
      </c>
      <c r="AE33" s="452">
        <v>97.6</v>
      </c>
      <c r="AF33" s="452">
        <v>2</v>
      </c>
      <c r="AG33" s="466">
        <v>91.8</v>
      </c>
      <c r="AH33" s="466">
        <v>-5.8</v>
      </c>
      <c r="AI33" s="452">
        <v>102.8</v>
      </c>
      <c r="AJ33" s="452">
        <v>1.8</v>
      </c>
      <c r="AK33" s="196"/>
    </row>
    <row r="34" spans="1:37" s="424" customFormat="1" ht="14.25" customHeight="1" x14ac:dyDescent="0.15">
      <c r="A34" s="615"/>
      <c r="B34" s="472"/>
      <c r="C34" s="448"/>
      <c r="D34" s="449"/>
      <c r="E34" s="452"/>
      <c r="F34" s="453"/>
      <c r="G34" s="452"/>
      <c r="H34" s="452"/>
      <c r="I34" s="452"/>
      <c r="J34" s="452"/>
      <c r="K34" s="452"/>
      <c r="L34" s="452"/>
      <c r="M34" s="452"/>
      <c r="N34" s="452"/>
      <c r="O34" s="452"/>
      <c r="P34" s="452"/>
      <c r="Q34" s="452"/>
      <c r="R34" s="452"/>
      <c r="S34" s="452"/>
      <c r="T34" s="452"/>
      <c r="U34" s="452"/>
      <c r="V34" s="452"/>
      <c r="W34" s="452"/>
      <c r="X34" s="452"/>
      <c r="Y34" s="452"/>
      <c r="Z34" s="452"/>
      <c r="AA34" s="452"/>
      <c r="AB34" s="452"/>
      <c r="AC34" s="452"/>
      <c r="AD34" s="452"/>
      <c r="AE34" s="452"/>
      <c r="AF34" s="452"/>
      <c r="AG34" s="466"/>
      <c r="AH34" s="466"/>
      <c r="AI34" s="452"/>
      <c r="AJ34" s="452"/>
      <c r="AK34" s="422"/>
    </row>
    <row r="35" spans="1:37" s="424" customFormat="1" ht="15" customHeight="1" x14ac:dyDescent="0.15">
      <c r="A35" s="615"/>
      <c r="B35" s="682" t="s">
        <v>47</v>
      </c>
      <c r="C35" s="448" t="s">
        <v>207</v>
      </c>
      <c r="D35" s="455" t="s">
        <v>231</v>
      </c>
      <c r="E35" s="450">
        <v>99.1</v>
      </c>
      <c r="F35" s="451">
        <v>-0.1</v>
      </c>
      <c r="G35" s="450">
        <v>105.2</v>
      </c>
      <c r="H35" s="450">
        <v>11.9</v>
      </c>
      <c r="I35" s="450">
        <v>101.2</v>
      </c>
      <c r="J35" s="450">
        <v>3</v>
      </c>
      <c r="K35" s="450">
        <v>91.5</v>
      </c>
      <c r="L35" s="450">
        <v>-3.5</v>
      </c>
      <c r="M35" s="450">
        <v>85.3</v>
      </c>
      <c r="N35" s="450">
        <v>-14.9</v>
      </c>
      <c r="O35" s="450">
        <v>95.2</v>
      </c>
      <c r="P35" s="450">
        <v>-4.7</v>
      </c>
      <c r="Q35" s="450">
        <v>102.4</v>
      </c>
      <c r="R35" s="450">
        <v>-0.2</v>
      </c>
      <c r="S35" s="450">
        <v>95.3</v>
      </c>
      <c r="T35" s="450">
        <v>-3.9</v>
      </c>
      <c r="U35" s="450">
        <v>99.2</v>
      </c>
      <c r="V35" s="450">
        <v>-3.4</v>
      </c>
      <c r="W35" s="450">
        <v>97.2</v>
      </c>
      <c r="X35" s="450">
        <v>1.9</v>
      </c>
      <c r="Y35" s="450">
        <v>98.1</v>
      </c>
      <c r="Z35" s="450">
        <v>-1.8</v>
      </c>
      <c r="AA35" s="450">
        <v>103.3</v>
      </c>
      <c r="AB35" s="450">
        <v>2.2999999999999998</v>
      </c>
      <c r="AC35" s="450">
        <v>100.7</v>
      </c>
      <c r="AD35" s="450">
        <v>-1.6</v>
      </c>
      <c r="AE35" s="450">
        <v>96.5</v>
      </c>
      <c r="AF35" s="450">
        <v>0.6</v>
      </c>
      <c r="AG35" s="465">
        <v>91</v>
      </c>
      <c r="AH35" s="465">
        <v>-7.3</v>
      </c>
      <c r="AI35" s="450">
        <v>102</v>
      </c>
      <c r="AJ35" s="450">
        <v>1.2</v>
      </c>
      <c r="AK35" s="422"/>
    </row>
    <row r="36" spans="1:37" s="454" customFormat="1" ht="15" customHeight="1" x14ac:dyDescent="0.15">
      <c r="A36" s="615"/>
      <c r="B36" s="682"/>
      <c r="C36" s="456" t="s">
        <v>0</v>
      </c>
      <c r="D36" s="455" t="s">
        <v>232</v>
      </c>
      <c r="E36" s="452">
        <v>99.1</v>
      </c>
      <c r="F36" s="453">
        <v>-0.5</v>
      </c>
      <c r="G36" s="452">
        <v>105.7</v>
      </c>
      <c r="H36" s="452">
        <v>14.1</v>
      </c>
      <c r="I36" s="452">
        <v>101.3</v>
      </c>
      <c r="J36" s="452">
        <v>0.3</v>
      </c>
      <c r="K36" s="452">
        <v>91.1</v>
      </c>
      <c r="L36" s="452">
        <v>-3.9</v>
      </c>
      <c r="M36" s="452">
        <v>85.2</v>
      </c>
      <c r="N36" s="452">
        <v>-13.5</v>
      </c>
      <c r="O36" s="452">
        <v>95.1</v>
      </c>
      <c r="P36" s="452">
        <v>-4.5999999999999996</v>
      </c>
      <c r="Q36" s="452">
        <v>102.5</v>
      </c>
      <c r="R36" s="452">
        <v>-0.1</v>
      </c>
      <c r="S36" s="452">
        <v>94.5</v>
      </c>
      <c r="T36" s="452">
        <v>-4.7</v>
      </c>
      <c r="U36" s="452">
        <v>99.1</v>
      </c>
      <c r="V36" s="452">
        <v>-2.5</v>
      </c>
      <c r="W36" s="452">
        <v>97.2</v>
      </c>
      <c r="X36" s="452">
        <v>1.8</v>
      </c>
      <c r="Y36" s="452">
        <v>98.1</v>
      </c>
      <c r="Z36" s="452">
        <v>-1.7</v>
      </c>
      <c r="AA36" s="452">
        <v>103.4</v>
      </c>
      <c r="AB36" s="452">
        <v>4.8</v>
      </c>
      <c r="AC36" s="452">
        <v>99.7</v>
      </c>
      <c r="AD36" s="452">
        <v>-2.9</v>
      </c>
      <c r="AE36" s="452">
        <v>96.5</v>
      </c>
      <c r="AF36" s="452">
        <v>0.6</v>
      </c>
      <c r="AG36" s="466">
        <v>91</v>
      </c>
      <c r="AH36" s="466">
        <v>-7.1</v>
      </c>
      <c r="AI36" s="452">
        <v>102.6</v>
      </c>
      <c r="AJ36" s="452">
        <v>1.2</v>
      </c>
      <c r="AK36" s="196"/>
    </row>
    <row r="37" spans="1:37" s="424" customFormat="1" ht="15" customHeight="1" x14ac:dyDescent="0.15">
      <c r="A37" s="615"/>
      <c r="B37" s="682"/>
      <c r="C37" s="456" t="s">
        <v>0</v>
      </c>
      <c r="D37" s="455" t="s">
        <v>233</v>
      </c>
      <c r="E37" s="450">
        <v>99</v>
      </c>
      <c r="F37" s="451">
        <v>-0.5</v>
      </c>
      <c r="G37" s="450">
        <v>106.8</v>
      </c>
      <c r="H37" s="450">
        <v>15.3</v>
      </c>
      <c r="I37" s="450">
        <v>103.9</v>
      </c>
      <c r="J37" s="450">
        <v>1.6</v>
      </c>
      <c r="K37" s="450">
        <v>90.9</v>
      </c>
      <c r="L37" s="450">
        <v>-3.8</v>
      </c>
      <c r="M37" s="450">
        <v>84.3</v>
      </c>
      <c r="N37" s="450">
        <v>-11.3</v>
      </c>
      <c r="O37" s="450">
        <v>94.6</v>
      </c>
      <c r="P37" s="450">
        <v>-4.5999999999999996</v>
      </c>
      <c r="Q37" s="450">
        <v>101.8</v>
      </c>
      <c r="R37" s="450">
        <v>-1.2</v>
      </c>
      <c r="S37" s="450">
        <v>93</v>
      </c>
      <c r="T37" s="450">
        <v>-5.7</v>
      </c>
      <c r="U37" s="450">
        <v>99.1</v>
      </c>
      <c r="V37" s="450">
        <v>-1.7</v>
      </c>
      <c r="W37" s="450">
        <v>97.5</v>
      </c>
      <c r="X37" s="450">
        <v>1.8</v>
      </c>
      <c r="Y37" s="450">
        <v>96.4</v>
      </c>
      <c r="Z37" s="450">
        <v>-1.9</v>
      </c>
      <c r="AA37" s="450">
        <v>102.3</v>
      </c>
      <c r="AB37" s="450">
        <v>5.9</v>
      </c>
      <c r="AC37" s="450">
        <v>98.6</v>
      </c>
      <c r="AD37" s="450">
        <v>-3.1</v>
      </c>
      <c r="AE37" s="450">
        <v>95.7</v>
      </c>
      <c r="AF37" s="450">
        <v>0.1</v>
      </c>
      <c r="AG37" s="465">
        <v>90.5</v>
      </c>
      <c r="AH37" s="465">
        <v>-7</v>
      </c>
      <c r="AI37" s="450">
        <v>102.4</v>
      </c>
      <c r="AJ37" s="450">
        <v>0.7</v>
      </c>
      <c r="AK37" s="422"/>
    </row>
    <row r="38" spans="1:37" s="454" customFormat="1" ht="15" customHeight="1" x14ac:dyDescent="0.15">
      <c r="A38" s="615"/>
      <c r="B38" s="682"/>
      <c r="C38" s="456" t="s">
        <v>0</v>
      </c>
      <c r="D38" s="455" t="s">
        <v>234</v>
      </c>
      <c r="E38" s="452">
        <v>98.3</v>
      </c>
      <c r="F38" s="453">
        <v>-0.7</v>
      </c>
      <c r="G38" s="452">
        <v>106.8</v>
      </c>
      <c r="H38" s="452">
        <v>14.1</v>
      </c>
      <c r="I38" s="452">
        <v>101.4</v>
      </c>
      <c r="J38" s="452">
        <v>-1.6</v>
      </c>
      <c r="K38" s="452">
        <v>90.9</v>
      </c>
      <c r="L38" s="452">
        <v>-3.5</v>
      </c>
      <c r="M38" s="452">
        <v>83.8</v>
      </c>
      <c r="N38" s="452">
        <v>-3.6</v>
      </c>
      <c r="O38" s="452">
        <v>94.1</v>
      </c>
      <c r="P38" s="452">
        <v>-4.2</v>
      </c>
      <c r="Q38" s="452">
        <v>101.5</v>
      </c>
      <c r="R38" s="452">
        <v>-1</v>
      </c>
      <c r="S38" s="452">
        <v>92</v>
      </c>
      <c r="T38" s="452">
        <v>-7</v>
      </c>
      <c r="U38" s="452">
        <v>98.5</v>
      </c>
      <c r="V38" s="452">
        <v>-2.2000000000000002</v>
      </c>
      <c r="W38" s="452">
        <v>97.6</v>
      </c>
      <c r="X38" s="452">
        <v>1.8</v>
      </c>
      <c r="Y38" s="452">
        <v>96.5</v>
      </c>
      <c r="Z38" s="452">
        <v>-1.5</v>
      </c>
      <c r="AA38" s="452">
        <v>102.9</v>
      </c>
      <c r="AB38" s="452">
        <v>6.2</v>
      </c>
      <c r="AC38" s="452">
        <v>98.7</v>
      </c>
      <c r="AD38" s="452">
        <v>-2.8</v>
      </c>
      <c r="AE38" s="452">
        <v>95.1</v>
      </c>
      <c r="AF38" s="452">
        <v>-0.8</v>
      </c>
      <c r="AG38" s="466">
        <v>90.4</v>
      </c>
      <c r="AH38" s="466">
        <v>-6.3</v>
      </c>
      <c r="AI38" s="452">
        <v>102.1</v>
      </c>
      <c r="AJ38" s="452">
        <v>0.5</v>
      </c>
      <c r="AK38" s="196"/>
    </row>
    <row r="39" spans="1:37" s="424" customFormat="1" ht="15" customHeight="1" x14ac:dyDescent="0.15">
      <c r="A39" s="615"/>
      <c r="B39" s="682"/>
      <c r="C39" s="456" t="s">
        <v>0</v>
      </c>
      <c r="D39" s="455" t="s">
        <v>235</v>
      </c>
      <c r="E39" s="450">
        <v>98.3</v>
      </c>
      <c r="F39" s="451">
        <v>-0.3</v>
      </c>
      <c r="G39" s="450">
        <v>107.7</v>
      </c>
      <c r="H39" s="450">
        <v>14.1</v>
      </c>
      <c r="I39" s="450">
        <v>101.1</v>
      </c>
      <c r="J39" s="450">
        <v>1.7</v>
      </c>
      <c r="K39" s="450">
        <v>91.5</v>
      </c>
      <c r="L39" s="450">
        <v>-2.9</v>
      </c>
      <c r="M39" s="450">
        <v>83.4</v>
      </c>
      <c r="N39" s="450">
        <v>-2.9</v>
      </c>
      <c r="O39" s="450">
        <v>94.7</v>
      </c>
      <c r="P39" s="450">
        <v>-3</v>
      </c>
      <c r="Q39" s="450">
        <v>101.6</v>
      </c>
      <c r="R39" s="450">
        <v>-0.9</v>
      </c>
      <c r="S39" s="450">
        <v>93</v>
      </c>
      <c r="T39" s="450">
        <v>-4.9000000000000004</v>
      </c>
      <c r="U39" s="450">
        <v>90.6</v>
      </c>
      <c r="V39" s="450">
        <v>-10.1</v>
      </c>
      <c r="W39" s="450">
        <v>97.2</v>
      </c>
      <c r="X39" s="450">
        <v>1</v>
      </c>
      <c r="Y39" s="450">
        <v>96.4</v>
      </c>
      <c r="Z39" s="450">
        <v>-1.9</v>
      </c>
      <c r="AA39" s="450">
        <v>97.7</v>
      </c>
      <c r="AB39" s="450">
        <v>1</v>
      </c>
      <c r="AC39" s="450">
        <v>99.2</v>
      </c>
      <c r="AD39" s="450">
        <v>-4.0999999999999996</v>
      </c>
      <c r="AE39" s="450">
        <v>95.2</v>
      </c>
      <c r="AF39" s="450">
        <v>-1.1000000000000001</v>
      </c>
      <c r="AG39" s="465">
        <v>90.1</v>
      </c>
      <c r="AH39" s="465">
        <v>-6.3</v>
      </c>
      <c r="AI39" s="450">
        <v>103.7</v>
      </c>
      <c r="AJ39" s="450">
        <v>1.7</v>
      </c>
      <c r="AK39" s="422"/>
    </row>
    <row r="40" spans="1:37" s="454" customFormat="1" ht="15" customHeight="1" x14ac:dyDescent="0.15">
      <c r="A40" s="615"/>
      <c r="B40" s="23">
        <v>30</v>
      </c>
      <c r="C40" s="456" t="s">
        <v>0</v>
      </c>
      <c r="D40" s="455" t="s">
        <v>236</v>
      </c>
      <c r="E40" s="452">
        <v>98.8</v>
      </c>
      <c r="F40" s="453">
        <v>-0.2</v>
      </c>
      <c r="G40" s="452">
        <v>107.4</v>
      </c>
      <c r="H40" s="452">
        <v>13.3</v>
      </c>
      <c r="I40" s="452">
        <v>103.4</v>
      </c>
      <c r="J40" s="452">
        <v>2</v>
      </c>
      <c r="K40" s="452">
        <v>91.4</v>
      </c>
      <c r="L40" s="452">
        <v>-2.6</v>
      </c>
      <c r="M40" s="452">
        <v>83.9</v>
      </c>
      <c r="N40" s="452">
        <v>-1.9</v>
      </c>
      <c r="O40" s="452">
        <v>95.2</v>
      </c>
      <c r="P40" s="452">
        <v>-2.8</v>
      </c>
      <c r="Q40" s="452">
        <v>101.5</v>
      </c>
      <c r="R40" s="452">
        <v>-1.3</v>
      </c>
      <c r="S40" s="452">
        <v>93.2</v>
      </c>
      <c r="T40" s="452">
        <v>-4.5</v>
      </c>
      <c r="U40" s="452">
        <v>90.9</v>
      </c>
      <c r="V40" s="452">
        <v>-9.6</v>
      </c>
      <c r="W40" s="452">
        <v>97.5</v>
      </c>
      <c r="X40" s="452">
        <v>1.2</v>
      </c>
      <c r="Y40" s="452">
        <v>95.8</v>
      </c>
      <c r="Z40" s="452">
        <v>-2</v>
      </c>
      <c r="AA40" s="452">
        <v>98.7</v>
      </c>
      <c r="AB40" s="452">
        <v>1</v>
      </c>
      <c r="AC40" s="452">
        <v>99.3</v>
      </c>
      <c r="AD40" s="452">
        <v>-4.3</v>
      </c>
      <c r="AE40" s="452">
        <v>95.3</v>
      </c>
      <c r="AF40" s="452">
        <v>-1.1000000000000001</v>
      </c>
      <c r="AG40" s="466">
        <v>90.2</v>
      </c>
      <c r="AH40" s="466">
        <v>-5.9</v>
      </c>
      <c r="AI40" s="452">
        <v>104.4</v>
      </c>
      <c r="AJ40" s="452">
        <v>2.5</v>
      </c>
      <c r="AK40" s="196"/>
    </row>
    <row r="41" spans="1:37" s="424" customFormat="1" ht="15" customHeight="1" x14ac:dyDescent="0.15">
      <c r="A41" s="615"/>
      <c r="B41" s="683" t="s">
        <v>208</v>
      </c>
      <c r="C41" s="456" t="s">
        <v>0</v>
      </c>
      <c r="D41" s="455" t="s">
        <v>237</v>
      </c>
      <c r="E41" s="450">
        <v>98.2</v>
      </c>
      <c r="F41" s="451">
        <v>-1</v>
      </c>
      <c r="G41" s="450">
        <v>106.8</v>
      </c>
      <c r="H41" s="450">
        <v>9.8000000000000007</v>
      </c>
      <c r="I41" s="450">
        <v>99.8</v>
      </c>
      <c r="J41" s="450">
        <v>-0.8</v>
      </c>
      <c r="K41" s="450">
        <v>91.2</v>
      </c>
      <c r="L41" s="450">
        <v>-2.9</v>
      </c>
      <c r="M41" s="450">
        <v>84</v>
      </c>
      <c r="N41" s="450">
        <v>-0.9</v>
      </c>
      <c r="O41" s="450">
        <v>94.4</v>
      </c>
      <c r="P41" s="450">
        <v>-3.6</v>
      </c>
      <c r="Q41" s="450">
        <v>101.6</v>
      </c>
      <c r="R41" s="450">
        <v>-1.5</v>
      </c>
      <c r="S41" s="450">
        <v>92.9</v>
      </c>
      <c r="T41" s="450">
        <v>-5</v>
      </c>
      <c r="U41" s="450">
        <v>91.3</v>
      </c>
      <c r="V41" s="450">
        <v>-9.1999999999999993</v>
      </c>
      <c r="W41" s="450">
        <v>97.9</v>
      </c>
      <c r="X41" s="450">
        <v>1.3</v>
      </c>
      <c r="Y41" s="450">
        <v>96.9</v>
      </c>
      <c r="Z41" s="450">
        <v>-2.8</v>
      </c>
      <c r="AA41" s="450">
        <v>98</v>
      </c>
      <c r="AB41" s="450">
        <v>-0.2</v>
      </c>
      <c r="AC41" s="450">
        <v>99.7</v>
      </c>
      <c r="AD41" s="450">
        <v>-4.0999999999999996</v>
      </c>
      <c r="AE41" s="450">
        <v>94.8</v>
      </c>
      <c r="AF41" s="450">
        <v>-1.7</v>
      </c>
      <c r="AG41" s="465">
        <v>91.6</v>
      </c>
      <c r="AH41" s="465">
        <v>-4.5</v>
      </c>
      <c r="AI41" s="450">
        <v>104.3</v>
      </c>
      <c r="AJ41" s="450">
        <v>1.8</v>
      </c>
      <c r="AK41" s="422"/>
    </row>
    <row r="42" spans="1:37" s="454" customFormat="1" ht="15" customHeight="1" x14ac:dyDescent="0.15">
      <c r="A42" s="615"/>
      <c r="B42" s="683"/>
      <c r="C42" s="456" t="s">
        <v>238</v>
      </c>
      <c r="D42" s="455" t="s">
        <v>239</v>
      </c>
      <c r="E42" s="452">
        <v>99.4</v>
      </c>
      <c r="F42" s="453">
        <v>-0.9</v>
      </c>
      <c r="G42" s="452">
        <v>106.5</v>
      </c>
      <c r="H42" s="452">
        <v>8.6999999999999993</v>
      </c>
      <c r="I42" s="452">
        <v>103.3</v>
      </c>
      <c r="J42" s="452">
        <v>0.1</v>
      </c>
      <c r="K42" s="452">
        <v>90.9</v>
      </c>
      <c r="L42" s="452">
        <v>3.9</v>
      </c>
      <c r="M42" s="452">
        <v>85.1</v>
      </c>
      <c r="N42" s="452">
        <v>1.3</v>
      </c>
      <c r="O42" s="452">
        <v>93.9</v>
      </c>
      <c r="P42" s="452">
        <v>-3.5</v>
      </c>
      <c r="Q42" s="452">
        <v>101</v>
      </c>
      <c r="R42" s="452">
        <v>-2</v>
      </c>
      <c r="S42" s="452">
        <v>91.9</v>
      </c>
      <c r="T42" s="452">
        <v>-4.7</v>
      </c>
      <c r="U42" s="452">
        <v>91.6</v>
      </c>
      <c r="V42" s="452">
        <v>-8.6999999999999993</v>
      </c>
      <c r="W42" s="452">
        <v>97.9</v>
      </c>
      <c r="X42" s="452">
        <v>1.5</v>
      </c>
      <c r="Y42" s="452">
        <v>94.6</v>
      </c>
      <c r="Z42" s="452">
        <v>-3.9</v>
      </c>
      <c r="AA42" s="452">
        <v>92.9</v>
      </c>
      <c r="AB42" s="452">
        <v>-3.2</v>
      </c>
      <c r="AC42" s="452">
        <v>98.3</v>
      </c>
      <c r="AD42" s="452">
        <v>-4.5999999999999996</v>
      </c>
      <c r="AE42" s="452">
        <v>100.7</v>
      </c>
      <c r="AF42" s="452">
        <v>-1.2</v>
      </c>
      <c r="AG42" s="466">
        <v>91.1</v>
      </c>
      <c r="AH42" s="466">
        <v>-4.8</v>
      </c>
      <c r="AI42" s="452">
        <v>105.5</v>
      </c>
      <c r="AJ42" s="452">
        <v>2.6</v>
      </c>
      <c r="AK42" s="196"/>
    </row>
    <row r="43" spans="1:37" s="424" customFormat="1" ht="15" customHeight="1" x14ac:dyDescent="0.15">
      <c r="A43" s="615"/>
      <c r="B43" s="683"/>
      <c r="C43" s="456" t="s">
        <v>0</v>
      </c>
      <c r="D43" s="455" t="s">
        <v>240</v>
      </c>
      <c r="E43" s="450">
        <v>99</v>
      </c>
      <c r="F43" s="451">
        <v>0.1</v>
      </c>
      <c r="G43" s="450">
        <v>105.9</v>
      </c>
      <c r="H43" s="450">
        <v>8.5</v>
      </c>
      <c r="I43" s="450">
        <v>103.2</v>
      </c>
      <c r="J43" s="450">
        <v>0.7</v>
      </c>
      <c r="K43" s="450">
        <v>90.8</v>
      </c>
      <c r="L43" s="450">
        <v>3.9</v>
      </c>
      <c r="M43" s="450">
        <v>85.3</v>
      </c>
      <c r="N43" s="450">
        <v>1.9</v>
      </c>
      <c r="O43" s="450">
        <v>93.9</v>
      </c>
      <c r="P43" s="450">
        <v>-3.8</v>
      </c>
      <c r="Q43" s="450">
        <v>99.1</v>
      </c>
      <c r="R43" s="450">
        <v>-3.8</v>
      </c>
      <c r="S43" s="450">
        <v>91.7</v>
      </c>
      <c r="T43" s="450">
        <v>-5.4</v>
      </c>
      <c r="U43" s="450">
        <v>91.2</v>
      </c>
      <c r="V43" s="450">
        <v>-8.9</v>
      </c>
      <c r="W43" s="450">
        <v>97.9</v>
      </c>
      <c r="X43" s="450">
        <v>1.3</v>
      </c>
      <c r="Y43" s="450">
        <v>95.1</v>
      </c>
      <c r="Z43" s="450">
        <v>-1</v>
      </c>
      <c r="AA43" s="450">
        <v>98.2</v>
      </c>
      <c r="AB43" s="450">
        <v>2.9</v>
      </c>
      <c r="AC43" s="450">
        <v>95.4</v>
      </c>
      <c r="AD43" s="450">
        <v>-5.9</v>
      </c>
      <c r="AE43" s="450">
        <v>101</v>
      </c>
      <c r="AF43" s="450">
        <v>5.9</v>
      </c>
      <c r="AG43" s="465">
        <v>89.4</v>
      </c>
      <c r="AH43" s="465">
        <v>-5.9</v>
      </c>
      <c r="AI43" s="450">
        <v>104.3</v>
      </c>
      <c r="AJ43" s="450">
        <v>1.5</v>
      </c>
      <c r="AK43" s="422"/>
    </row>
    <row r="44" spans="1:37" s="454" customFormat="1" ht="15" customHeight="1" x14ac:dyDescent="0.15">
      <c r="A44" s="615"/>
      <c r="B44" s="479"/>
      <c r="C44" s="456" t="s">
        <v>0</v>
      </c>
      <c r="D44" s="455" t="s">
        <v>241</v>
      </c>
      <c r="E44" s="452">
        <v>98.3</v>
      </c>
      <c r="F44" s="453">
        <v>-1</v>
      </c>
      <c r="G44" s="452">
        <v>105.5</v>
      </c>
      <c r="H44" s="452">
        <v>4.5</v>
      </c>
      <c r="I44" s="452">
        <v>98.5</v>
      </c>
      <c r="J44" s="452">
        <v>-2.4</v>
      </c>
      <c r="K44" s="452">
        <v>89.2</v>
      </c>
      <c r="L44" s="452">
        <v>-3.4</v>
      </c>
      <c r="M44" s="452">
        <v>84.3</v>
      </c>
      <c r="N44" s="452">
        <v>0.8</v>
      </c>
      <c r="O44" s="452">
        <v>93.7</v>
      </c>
      <c r="P44" s="452">
        <v>-3.4</v>
      </c>
      <c r="Q44" s="452">
        <v>98.8</v>
      </c>
      <c r="R44" s="452">
        <v>-2.9</v>
      </c>
      <c r="S44" s="452">
        <v>90.3</v>
      </c>
      <c r="T44" s="452">
        <v>-5.4</v>
      </c>
      <c r="U44" s="452">
        <v>91.3</v>
      </c>
      <c r="V44" s="452">
        <v>-8.6</v>
      </c>
      <c r="W44" s="452">
        <v>98.2</v>
      </c>
      <c r="X44" s="452">
        <v>2</v>
      </c>
      <c r="Y44" s="452">
        <v>94.8</v>
      </c>
      <c r="Z44" s="452">
        <v>-1.6</v>
      </c>
      <c r="AA44" s="452">
        <v>99.2</v>
      </c>
      <c r="AB44" s="452">
        <v>-1.6</v>
      </c>
      <c r="AC44" s="452">
        <v>96</v>
      </c>
      <c r="AD44" s="452">
        <v>-5</v>
      </c>
      <c r="AE44" s="452">
        <v>101.5</v>
      </c>
      <c r="AF44" s="452">
        <v>0.8</v>
      </c>
      <c r="AG44" s="466">
        <v>88.3</v>
      </c>
      <c r="AH44" s="466">
        <v>-5.0999999999999996</v>
      </c>
      <c r="AI44" s="452">
        <v>104.8</v>
      </c>
      <c r="AJ44" s="452">
        <v>2.9</v>
      </c>
      <c r="AK44" s="196"/>
    </row>
    <row r="45" spans="1:37" s="424" customFormat="1" ht="15" customHeight="1" x14ac:dyDescent="0.15">
      <c r="A45" s="615"/>
      <c r="B45" s="472"/>
      <c r="C45" s="456" t="s">
        <v>0</v>
      </c>
      <c r="D45" s="455" t="s">
        <v>242</v>
      </c>
      <c r="E45" s="450">
        <v>99.4</v>
      </c>
      <c r="F45" s="451">
        <v>-0.5</v>
      </c>
      <c r="G45" s="450">
        <v>104.7</v>
      </c>
      <c r="H45" s="450">
        <v>0.6</v>
      </c>
      <c r="I45" s="450">
        <v>103.4</v>
      </c>
      <c r="J45" s="450">
        <v>0.3</v>
      </c>
      <c r="K45" s="450">
        <v>89.3</v>
      </c>
      <c r="L45" s="450">
        <v>-1.5</v>
      </c>
      <c r="M45" s="450">
        <v>87.8</v>
      </c>
      <c r="N45" s="450">
        <v>1.9</v>
      </c>
      <c r="O45" s="450">
        <v>92</v>
      </c>
      <c r="P45" s="450">
        <v>-5.0999999999999996</v>
      </c>
      <c r="Q45" s="450">
        <v>98</v>
      </c>
      <c r="R45" s="450">
        <v>-3.4</v>
      </c>
      <c r="S45" s="450">
        <v>79.7</v>
      </c>
      <c r="T45" s="450">
        <v>-16.3</v>
      </c>
      <c r="U45" s="450">
        <v>92.3</v>
      </c>
      <c r="V45" s="450">
        <v>-8.1999999999999993</v>
      </c>
      <c r="W45" s="450">
        <v>98.9</v>
      </c>
      <c r="X45" s="450">
        <v>1</v>
      </c>
      <c r="Y45" s="450">
        <v>94.3</v>
      </c>
      <c r="Z45" s="450">
        <v>-0.3</v>
      </c>
      <c r="AA45" s="450">
        <v>101.2</v>
      </c>
      <c r="AB45" s="450">
        <v>0.1</v>
      </c>
      <c r="AC45" s="450">
        <v>98.4</v>
      </c>
      <c r="AD45" s="450">
        <v>0.3</v>
      </c>
      <c r="AE45" s="450">
        <v>103.4</v>
      </c>
      <c r="AF45" s="450">
        <v>1</v>
      </c>
      <c r="AG45" s="465">
        <v>84.1</v>
      </c>
      <c r="AH45" s="450">
        <v>-7.8</v>
      </c>
      <c r="AI45" s="450">
        <v>105.8</v>
      </c>
      <c r="AJ45" s="450">
        <v>3.7</v>
      </c>
      <c r="AK45" s="422"/>
    </row>
    <row r="46" spans="1:37" s="454" customFormat="1" ht="15" customHeight="1" x14ac:dyDescent="0.15">
      <c r="A46" s="615"/>
      <c r="B46" s="479"/>
      <c r="C46" s="456" t="s">
        <v>0</v>
      </c>
      <c r="D46" s="455" t="s">
        <v>243</v>
      </c>
      <c r="E46" s="452">
        <v>99.5</v>
      </c>
      <c r="F46" s="453">
        <v>-0.6</v>
      </c>
      <c r="G46" s="452">
        <v>103.7</v>
      </c>
      <c r="H46" s="452">
        <v>-1.4</v>
      </c>
      <c r="I46" s="452">
        <v>103.8</v>
      </c>
      <c r="J46" s="452">
        <v>0.7</v>
      </c>
      <c r="K46" s="452">
        <v>89.7</v>
      </c>
      <c r="L46" s="452">
        <v>-1.5</v>
      </c>
      <c r="M46" s="452">
        <v>87.6</v>
      </c>
      <c r="N46" s="452">
        <v>1.7</v>
      </c>
      <c r="O46" s="452">
        <v>91.7</v>
      </c>
      <c r="P46" s="452">
        <v>-3.4</v>
      </c>
      <c r="Q46" s="452">
        <v>99.1</v>
      </c>
      <c r="R46" s="452">
        <v>-2.7</v>
      </c>
      <c r="S46" s="452">
        <v>79.599999999999994</v>
      </c>
      <c r="T46" s="452">
        <v>-16.600000000000001</v>
      </c>
      <c r="U46" s="452">
        <v>92.2</v>
      </c>
      <c r="V46" s="452">
        <v>-6.9</v>
      </c>
      <c r="W46" s="452">
        <v>97</v>
      </c>
      <c r="X46" s="452">
        <v>-0.3</v>
      </c>
      <c r="Y46" s="452">
        <v>98</v>
      </c>
      <c r="Z46" s="452">
        <v>0.2</v>
      </c>
      <c r="AA46" s="452">
        <v>102</v>
      </c>
      <c r="AB46" s="452">
        <v>0.6</v>
      </c>
      <c r="AC46" s="452">
        <v>100.5</v>
      </c>
      <c r="AD46" s="452">
        <v>0.8</v>
      </c>
      <c r="AE46" s="452">
        <v>103.2</v>
      </c>
      <c r="AF46" s="452">
        <v>1.1000000000000001</v>
      </c>
      <c r="AG46" s="452">
        <v>81</v>
      </c>
      <c r="AH46" s="452">
        <v>-11.3</v>
      </c>
      <c r="AI46" s="452">
        <v>103.2</v>
      </c>
      <c r="AJ46" s="452">
        <v>1.1000000000000001</v>
      </c>
      <c r="AK46" s="196"/>
    </row>
    <row r="47" spans="1:37" s="424" customFormat="1" ht="14.25" customHeight="1" x14ac:dyDescent="0.15">
      <c r="A47" s="615"/>
      <c r="B47" s="472"/>
      <c r="C47" s="448"/>
      <c r="D47" s="455"/>
      <c r="E47" s="493"/>
      <c r="F47" s="453"/>
      <c r="G47" s="452"/>
      <c r="H47" s="452"/>
      <c r="I47" s="493"/>
      <c r="J47" s="452"/>
      <c r="K47" s="493"/>
      <c r="L47" s="452"/>
      <c r="M47" s="493"/>
      <c r="N47" s="452"/>
      <c r="O47" s="493"/>
      <c r="P47" s="452"/>
      <c r="Q47" s="493"/>
      <c r="R47" s="452"/>
      <c r="S47" s="493"/>
      <c r="T47" s="452"/>
      <c r="U47" s="452"/>
      <c r="V47" s="452"/>
      <c r="W47" s="452"/>
      <c r="X47" s="452"/>
      <c r="Y47" s="452"/>
      <c r="Z47" s="452"/>
      <c r="AA47" s="452"/>
      <c r="AB47" s="452"/>
      <c r="AC47" s="493"/>
      <c r="AD47" s="452"/>
      <c r="AE47" s="493"/>
      <c r="AF47" s="452"/>
      <c r="AG47" s="512"/>
      <c r="AH47" s="466"/>
      <c r="AI47" s="493"/>
      <c r="AJ47" s="452"/>
      <c r="AK47" s="422"/>
    </row>
    <row r="48" spans="1:37" s="424" customFormat="1" ht="14.25" customHeight="1" x14ac:dyDescent="0.15">
      <c r="A48" s="615"/>
      <c r="B48" s="472"/>
      <c r="C48" s="456" t="s">
        <v>238</v>
      </c>
      <c r="D48" s="455" t="s">
        <v>231</v>
      </c>
      <c r="E48" s="450">
        <v>98.7</v>
      </c>
      <c r="F48" s="451">
        <v>-0.4</v>
      </c>
      <c r="G48" s="450">
        <v>102.9</v>
      </c>
      <c r="H48" s="450">
        <v>-2.2000000000000002</v>
      </c>
      <c r="I48" s="450">
        <v>99.8</v>
      </c>
      <c r="J48" s="450">
        <v>-1.4</v>
      </c>
      <c r="K48" s="450">
        <v>89.8</v>
      </c>
      <c r="L48" s="450">
        <v>-1.9</v>
      </c>
      <c r="M48" s="450">
        <v>86.3</v>
      </c>
      <c r="N48" s="450">
        <v>1.2</v>
      </c>
      <c r="O48" s="450">
        <v>91.9</v>
      </c>
      <c r="P48" s="450">
        <v>-3.5</v>
      </c>
      <c r="Q48" s="450">
        <v>99.2</v>
      </c>
      <c r="R48" s="450">
        <v>-3.1</v>
      </c>
      <c r="S48" s="450">
        <v>79.7</v>
      </c>
      <c r="T48" s="450">
        <v>-16.399999999999999</v>
      </c>
      <c r="U48" s="450">
        <v>93.8</v>
      </c>
      <c r="V48" s="450">
        <v>-5.4</v>
      </c>
      <c r="W48" s="450">
        <v>96.7</v>
      </c>
      <c r="X48" s="450">
        <v>-0.5</v>
      </c>
      <c r="Y48" s="450">
        <v>98.3</v>
      </c>
      <c r="Z48" s="450">
        <v>0.2</v>
      </c>
      <c r="AA48" s="450">
        <v>102.9</v>
      </c>
      <c r="AB48" s="450">
        <v>-0.4</v>
      </c>
      <c r="AC48" s="450">
        <v>100.9</v>
      </c>
      <c r="AD48" s="450">
        <v>0.2</v>
      </c>
      <c r="AE48" s="450">
        <v>102.8</v>
      </c>
      <c r="AF48" s="450">
        <v>6.5</v>
      </c>
      <c r="AG48" s="450">
        <v>81.5</v>
      </c>
      <c r="AH48" s="450">
        <v>-10.4</v>
      </c>
      <c r="AI48" s="450">
        <v>101.9</v>
      </c>
      <c r="AJ48" s="450">
        <v>-0.1</v>
      </c>
      <c r="AK48" s="422"/>
    </row>
    <row r="49" spans="1:36" ht="11.25" customHeight="1" thickBot="1" x14ac:dyDescent="0.2">
      <c r="A49" s="615"/>
      <c r="B49" s="485"/>
      <c r="C49" s="468"/>
      <c r="D49" s="469"/>
      <c r="E49" s="494"/>
      <c r="F49" s="495"/>
      <c r="G49" s="494"/>
      <c r="H49" s="494"/>
      <c r="I49" s="494"/>
      <c r="J49" s="494"/>
      <c r="K49" s="494"/>
      <c r="L49" s="494"/>
      <c r="M49" s="494"/>
      <c r="N49" s="494"/>
      <c r="O49" s="494"/>
      <c r="P49" s="494"/>
      <c r="Q49" s="494"/>
      <c r="R49" s="494"/>
      <c r="S49" s="494"/>
      <c r="T49" s="494"/>
      <c r="U49" s="494"/>
      <c r="V49" s="494"/>
      <c r="W49" s="494"/>
      <c r="X49" s="494"/>
      <c r="Y49" s="494"/>
      <c r="Z49" s="494"/>
      <c r="AA49" s="494"/>
      <c r="AB49" s="494"/>
      <c r="AC49" s="494"/>
      <c r="AD49" s="494"/>
      <c r="AE49" s="494"/>
      <c r="AF49" s="494"/>
      <c r="AG49" s="494"/>
      <c r="AH49" s="494"/>
      <c r="AI49" s="494"/>
      <c r="AJ49" s="494"/>
    </row>
    <row r="50" spans="1:36" ht="14.1" customHeight="1" x14ac:dyDescent="0.15">
      <c r="A50" s="615"/>
      <c r="C50" s="684" t="s">
        <v>209</v>
      </c>
      <c r="D50" s="685"/>
      <c r="E50" s="685"/>
      <c r="F50" s="685"/>
      <c r="G50" s="685"/>
      <c r="H50" s="685"/>
      <c r="I50" s="685"/>
      <c r="J50" s="685"/>
      <c r="K50" s="685"/>
      <c r="L50" s="685"/>
      <c r="M50" s="686"/>
      <c r="N50" s="686"/>
      <c r="O50" s="686"/>
      <c r="P50" s="686"/>
      <c r="Q50" s="686"/>
      <c r="R50" s="686"/>
      <c r="S50" s="686"/>
      <c r="T50" s="686"/>
      <c r="U50" s="686"/>
      <c r="V50" s="686"/>
      <c r="W50" s="686"/>
      <c r="X50" s="686"/>
      <c r="Y50" s="686"/>
      <c r="Z50" s="686"/>
      <c r="AA50" s="686"/>
      <c r="AB50" s="686"/>
      <c r="AC50" s="686"/>
      <c r="AD50" s="686"/>
      <c r="AE50" s="686"/>
      <c r="AF50" s="686"/>
      <c r="AJ50" s="521"/>
    </row>
  </sheetData>
  <sheetProtection selectLockedCells="1" selectUnlockedCells="1"/>
  <protectedRanges>
    <protectedRange sqref="AI26:AJ26" name="範囲1_1_3_1"/>
    <protectedRange sqref="AI47:AJ47" name="範囲1_1_3_2"/>
  </protectedRanges>
  <mergeCells count="54">
    <mergeCell ref="AI5:AJ5"/>
    <mergeCell ref="E6:F6"/>
    <mergeCell ref="G6:H6"/>
    <mergeCell ref="I6:J6"/>
    <mergeCell ref="K6:L6"/>
    <mergeCell ref="M6:N6"/>
    <mergeCell ref="O6:P6"/>
    <mergeCell ref="AG6:AH6"/>
    <mergeCell ref="AI6:AJ6"/>
    <mergeCell ref="U6:V6"/>
    <mergeCell ref="W6:X6"/>
    <mergeCell ref="Y6:Z6"/>
    <mergeCell ref="AA6:AB6"/>
    <mergeCell ref="AG4:AH4"/>
    <mergeCell ref="Q6:R6"/>
    <mergeCell ref="S6:T6"/>
    <mergeCell ref="U5:V5"/>
    <mergeCell ref="W5:X5"/>
    <mergeCell ref="Y5:Z5"/>
    <mergeCell ref="AA5:AB5"/>
    <mergeCell ref="AC6:AD6"/>
    <mergeCell ref="AE6:AF6"/>
    <mergeCell ref="AG5:AH5"/>
    <mergeCell ref="AC5:AD5"/>
    <mergeCell ref="AE5:AF5"/>
    <mergeCell ref="AA4:AB4"/>
    <mergeCell ref="AC4:AD4"/>
    <mergeCell ref="AE4:AF4"/>
    <mergeCell ref="AF1:AJ1"/>
    <mergeCell ref="H2:L2"/>
    <mergeCell ref="P2:T2"/>
    <mergeCell ref="C3:D7"/>
    <mergeCell ref="E4:F4"/>
    <mergeCell ref="G4:H4"/>
    <mergeCell ref="I4:J4"/>
    <mergeCell ref="AI4:AJ4"/>
    <mergeCell ref="K5:L5"/>
    <mergeCell ref="M5:N5"/>
    <mergeCell ref="O5:P5"/>
    <mergeCell ref="Q5:R5"/>
    <mergeCell ref="S5:T5"/>
    <mergeCell ref="O4:P4"/>
    <mergeCell ref="Q4:R4"/>
    <mergeCell ref="S4:T4"/>
    <mergeCell ref="K4:L4"/>
    <mergeCell ref="M4:N4"/>
    <mergeCell ref="W4:X4"/>
    <mergeCell ref="Y4:Z4"/>
    <mergeCell ref="A1:A50"/>
    <mergeCell ref="U4:V4"/>
    <mergeCell ref="B8:B28"/>
    <mergeCell ref="B35:B39"/>
    <mergeCell ref="B41:B43"/>
    <mergeCell ref="C50:AF50"/>
  </mergeCells>
  <phoneticPr fontId="3"/>
  <printOptions horizontalCentered="1"/>
  <pageMargins left="0.59055118110236227" right="0.59055118110236227" top="0.39370078740157483" bottom="0.59055118110236227" header="0" footer="0.19685039370078741"/>
  <pageSetup paperSize="9" scale="78" orientation="landscape" errors="blank" r:id="rId1"/>
  <headerFooter alignWithMargins="0"/>
</worksheet>
</file>

<file path=xl/worksheets/sheet1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FF9900"/>
    <pageSetUpPr fitToPage="1"/>
  </sheetPr>
  <dimension ref="A2:T42"/>
  <sheetViews>
    <sheetView showGridLines="0" view="pageBreakPreview" zoomScaleNormal="115" zoomScaleSheetLayoutView="100" workbookViewId="0"/>
  </sheetViews>
  <sheetFormatPr defaultRowHeight="13.5" x14ac:dyDescent="0.15"/>
  <cols>
    <col min="1" max="1" width="2.625" style="691" customWidth="1"/>
    <col min="2" max="2" width="5.375" style="691" customWidth="1"/>
    <col min="3" max="3" width="10.125" style="691" customWidth="1"/>
    <col min="4" max="4" width="13" style="691" customWidth="1"/>
    <col min="5" max="5" width="12.625" style="691" customWidth="1"/>
    <col min="6" max="6" width="12" style="691" customWidth="1"/>
    <col min="7" max="7" width="12.625" style="691" customWidth="1"/>
    <col min="8" max="9" width="12" style="691" customWidth="1"/>
    <col min="10" max="248" width="9" style="691"/>
    <col min="249" max="249" width="2.625" style="691" customWidth="1"/>
    <col min="250" max="250" width="5.375" style="691" customWidth="1"/>
    <col min="251" max="251" width="8.125" style="691" customWidth="1"/>
    <col min="252" max="262" width="7.625" style="691" customWidth="1"/>
    <col min="263" max="504" width="9" style="691"/>
    <col min="505" max="505" width="2.625" style="691" customWidth="1"/>
    <col min="506" max="506" width="5.375" style="691" customWidth="1"/>
    <col min="507" max="507" width="8.125" style="691" customWidth="1"/>
    <col min="508" max="518" width="7.625" style="691" customWidth="1"/>
    <col min="519" max="760" width="9" style="691"/>
    <col min="761" max="761" width="2.625" style="691" customWidth="1"/>
    <col min="762" max="762" width="5.375" style="691" customWidth="1"/>
    <col min="763" max="763" width="8.125" style="691" customWidth="1"/>
    <col min="764" max="774" width="7.625" style="691" customWidth="1"/>
    <col min="775" max="1016" width="9" style="691"/>
    <col min="1017" max="1017" width="2.625" style="691" customWidth="1"/>
    <col min="1018" max="1018" width="5.375" style="691" customWidth="1"/>
    <col min="1019" max="1019" width="8.125" style="691" customWidth="1"/>
    <col min="1020" max="1030" width="7.625" style="691" customWidth="1"/>
    <col min="1031" max="1272" width="9" style="691"/>
    <col min="1273" max="1273" width="2.625" style="691" customWidth="1"/>
    <col min="1274" max="1274" width="5.375" style="691" customWidth="1"/>
    <col min="1275" max="1275" width="8.125" style="691" customWidth="1"/>
    <col min="1276" max="1286" width="7.625" style="691" customWidth="1"/>
    <col min="1287" max="1528" width="9" style="691"/>
    <col min="1529" max="1529" width="2.625" style="691" customWidth="1"/>
    <col min="1530" max="1530" width="5.375" style="691" customWidth="1"/>
    <col min="1531" max="1531" width="8.125" style="691" customWidth="1"/>
    <col min="1532" max="1542" width="7.625" style="691" customWidth="1"/>
    <col min="1543" max="1784" width="9" style="691"/>
    <col min="1785" max="1785" width="2.625" style="691" customWidth="1"/>
    <col min="1786" max="1786" width="5.375" style="691" customWidth="1"/>
    <col min="1787" max="1787" width="8.125" style="691" customWidth="1"/>
    <col min="1788" max="1798" width="7.625" style="691" customWidth="1"/>
    <col min="1799" max="2040" width="9" style="691"/>
    <col min="2041" max="2041" width="2.625" style="691" customWidth="1"/>
    <col min="2042" max="2042" width="5.375" style="691" customWidth="1"/>
    <col min="2043" max="2043" width="8.125" style="691" customWidth="1"/>
    <col min="2044" max="2054" width="7.625" style="691" customWidth="1"/>
    <col min="2055" max="2296" width="9" style="691"/>
    <col min="2297" max="2297" width="2.625" style="691" customWidth="1"/>
    <col min="2298" max="2298" width="5.375" style="691" customWidth="1"/>
    <col min="2299" max="2299" width="8.125" style="691" customWidth="1"/>
    <col min="2300" max="2310" width="7.625" style="691" customWidth="1"/>
    <col min="2311" max="2552" width="9" style="691"/>
    <col min="2553" max="2553" width="2.625" style="691" customWidth="1"/>
    <col min="2554" max="2554" width="5.375" style="691" customWidth="1"/>
    <col min="2555" max="2555" width="8.125" style="691" customWidth="1"/>
    <col min="2556" max="2566" width="7.625" style="691" customWidth="1"/>
    <col min="2567" max="2808" width="9" style="691"/>
    <col min="2809" max="2809" width="2.625" style="691" customWidth="1"/>
    <col min="2810" max="2810" width="5.375" style="691" customWidth="1"/>
    <col min="2811" max="2811" width="8.125" style="691" customWidth="1"/>
    <col min="2812" max="2822" width="7.625" style="691" customWidth="1"/>
    <col min="2823" max="3064" width="9" style="691"/>
    <col min="3065" max="3065" width="2.625" style="691" customWidth="1"/>
    <col min="3066" max="3066" width="5.375" style="691" customWidth="1"/>
    <col min="3067" max="3067" width="8.125" style="691" customWidth="1"/>
    <col min="3068" max="3078" width="7.625" style="691" customWidth="1"/>
    <col min="3079" max="3320" width="9" style="691"/>
    <col min="3321" max="3321" width="2.625" style="691" customWidth="1"/>
    <col min="3322" max="3322" width="5.375" style="691" customWidth="1"/>
    <col min="3323" max="3323" width="8.125" style="691" customWidth="1"/>
    <col min="3324" max="3334" width="7.625" style="691" customWidth="1"/>
    <col min="3335" max="3576" width="9" style="691"/>
    <col min="3577" max="3577" width="2.625" style="691" customWidth="1"/>
    <col min="3578" max="3578" width="5.375" style="691" customWidth="1"/>
    <col min="3579" max="3579" width="8.125" style="691" customWidth="1"/>
    <col min="3580" max="3590" width="7.625" style="691" customWidth="1"/>
    <col min="3591" max="3832" width="9" style="691"/>
    <col min="3833" max="3833" width="2.625" style="691" customWidth="1"/>
    <col min="3834" max="3834" width="5.375" style="691" customWidth="1"/>
    <col min="3835" max="3835" width="8.125" style="691" customWidth="1"/>
    <col min="3836" max="3846" width="7.625" style="691" customWidth="1"/>
    <col min="3847" max="4088" width="9" style="691"/>
    <col min="4089" max="4089" width="2.625" style="691" customWidth="1"/>
    <col min="4090" max="4090" width="5.375" style="691" customWidth="1"/>
    <col min="4091" max="4091" width="8.125" style="691" customWidth="1"/>
    <col min="4092" max="4102" width="7.625" style="691" customWidth="1"/>
    <col min="4103" max="4344" width="9" style="691"/>
    <col min="4345" max="4345" width="2.625" style="691" customWidth="1"/>
    <col min="4346" max="4346" width="5.375" style="691" customWidth="1"/>
    <col min="4347" max="4347" width="8.125" style="691" customWidth="1"/>
    <col min="4348" max="4358" width="7.625" style="691" customWidth="1"/>
    <col min="4359" max="4600" width="9" style="691"/>
    <col min="4601" max="4601" width="2.625" style="691" customWidth="1"/>
    <col min="4602" max="4602" width="5.375" style="691" customWidth="1"/>
    <col min="4603" max="4603" width="8.125" style="691" customWidth="1"/>
    <col min="4604" max="4614" width="7.625" style="691" customWidth="1"/>
    <col min="4615" max="4856" width="9" style="691"/>
    <col min="4857" max="4857" width="2.625" style="691" customWidth="1"/>
    <col min="4858" max="4858" width="5.375" style="691" customWidth="1"/>
    <col min="4859" max="4859" width="8.125" style="691" customWidth="1"/>
    <col min="4860" max="4870" width="7.625" style="691" customWidth="1"/>
    <col min="4871" max="5112" width="9" style="691"/>
    <col min="5113" max="5113" width="2.625" style="691" customWidth="1"/>
    <col min="5114" max="5114" width="5.375" style="691" customWidth="1"/>
    <col min="5115" max="5115" width="8.125" style="691" customWidth="1"/>
    <col min="5116" max="5126" width="7.625" style="691" customWidth="1"/>
    <col min="5127" max="5368" width="9" style="691"/>
    <col min="5369" max="5369" width="2.625" style="691" customWidth="1"/>
    <col min="5370" max="5370" width="5.375" style="691" customWidth="1"/>
    <col min="5371" max="5371" width="8.125" style="691" customWidth="1"/>
    <col min="5372" max="5382" width="7.625" style="691" customWidth="1"/>
    <col min="5383" max="5624" width="9" style="691"/>
    <col min="5625" max="5625" width="2.625" style="691" customWidth="1"/>
    <col min="5626" max="5626" width="5.375" style="691" customWidth="1"/>
    <col min="5627" max="5627" width="8.125" style="691" customWidth="1"/>
    <col min="5628" max="5638" width="7.625" style="691" customWidth="1"/>
    <col min="5639" max="5880" width="9" style="691"/>
    <col min="5881" max="5881" width="2.625" style="691" customWidth="1"/>
    <col min="5882" max="5882" width="5.375" style="691" customWidth="1"/>
    <col min="5883" max="5883" width="8.125" style="691" customWidth="1"/>
    <col min="5884" max="5894" width="7.625" style="691" customWidth="1"/>
    <col min="5895" max="6136" width="9" style="691"/>
    <col min="6137" max="6137" width="2.625" style="691" customWidth="1"/>
    <col min="6138" max="6138" width="5.375" style="691" customWidth="1"/>
    <col min="6139" max="6139" width="8.125" style="691" customWidth="1"/>
    <col min="6140" max="6150" width="7.625" style="691" customWidth="1"/>
    <col min="6151" max="6392" width="9" style="691"/>
    <col min="6393" max="6393" width="2.625" style="691" customWidth="1"/>
    <col min="6394" max="6394" width="5.375" style="691" customWidth="1"/>
    <col min="6395" max="6395" width="8.125" style="691" customWidth="1"/>
    <col min="6396" max="6406" width="7.625" style="691" customWidth="1"/>
    <col min="6407" max="6648" width="9" style="691"/>
    <col min="6649" max="6649" width="2.625" style="691" customWidth="1"/>
    <col min="6650" max="6650" width="5.375" style="691" customWidth="1"/>
    <col min="6651" max="6651" width="8.125" style="691" customWidth="1"/>
    <col min="6652" max="6662" width="7.625" style="691" customWidth="1"/>
    <col min="6663" max="6904" width="9" style="691"/>
    <col min="6905" max="6905" width="2.625" style="691" customWidth="1"/>
    <col min="6906" max="6906" width="5.375" style="691" customWidth="1"/>
    <col min="6907" max="6907" width="8.125" style="691" customWidth="1"/>
    <col min="6908" max="6918" width="7.625" style="691" customWidth="1"/>
    <col min="6919" max="7160" width="9" style="691"/>
    <col min="7161" max="7161" width="2.625" style="691" customWidth="1"/>
    <col min="7162" max="7162" width="5.375" style="691" customWidth="1"/>
    <col min="7163" max="7163" width="8.125" style="691" customWidth="1"/>
    <col min="7164" max="7174" width="7.625" style="691" customWidth="1"/>
    <col min="7175" max="7416" width="9" style="691"/>
    <col min="7417" max="7417" width="2.625" style="691" customWidth="1"/>
    <col min="7418" max="7418" width="5.375" style="691" customWidth="1"/>
    <col min="7419" max="7419" width="8.125" style="691" customWidth="1"/>
    <col min="7420" max="7430" width="7.625" style="691" customWidth="1"/>
    <col min="7431" max="7672" width="9" style="691"/>
    <col min="7673" max="7673" width="2.625" style="691" customWidth="1"/>
    <col min="7674" max="7674" width="5.375" style="691" customWidth="1"/>
    <col min="7675" max="7675" width="8.125" style="691" customWidth="1"/>
    <col min="7676" max="7686" width="7.625" style="691" customWidth="1"/>
    <col min="7687" max="7928" width="9" style="691"/>
    <col min="7929" max="7929" width="2.625" style="691" customWidth="1"/>
    <col min="7930" max="7930" width="5.375" style="691" customWidth="1"/>
    <col min="7931" max="7931" width="8.125" style="691" customWidth="1"/>
    <col min="7932" max="7942" width="7.625" style="691" customWidth="1"/>
    <col min="7943" max="8184" width="9" style="691"/>
    <col min="8185" max="8185" width="2.625" style="691" customWidth="1"/>
    <col min="8186" max="8186" width="5.375" style="691" customWidth="1"/>
    <col min="8187" max="8187" width="8.125" style="691" customWidth="1"/>
    <col min="8188" max="8198" width="7.625" style="691" customWidth="1"/>
    <col min="8199" max="8440" width="9" style="691"/>
    <col min="8441" max="8441" width="2.625" style="691" customWidth="1"/>
    <col min="8442" max="8442" width="5.375" style="691" customWidth="1"/>
    <col min="8443" max="8443" width="8.125" style="691" customWidth="1"/>
    <col min="8444" max="8454" width="7.625" style="691" customWidth="1"/>
    <col min="8455" max="8696" width="9" style="691"/>
    <col min="8697" max="8697" width="2.625" style="691" customWidth="1"/>
    <col min="8698" max="8698" width="5.375" style="691" customWidth="1"/>
    <col min="8699" max="8699" width="8.125" style="691" customWidth="1"/>
    <col min="8700" max="8710" width="7.625" style="691" customWidth="1"/>
    <col min="8711" max="8952" width="9" style="691"/>
    <col min="8953" max="8953" width="2.625" style="691" customWidth="1"/>
    <col min="8954" max="8954" width="5.375" style="691" customWidth="1"/>
    <col min="8955" max="8955" width="8.125" style="691" customWidth="1"/>
    <col min="8956" max="8966" width="7.625" style="691" customWidth="1"/>
    <col min="8967" max="9208" width="9" style="691"/>
    <col min="9209" max="9209" width="2.625" style="691" customWidth="1"/>
    <col min="9210" max="9210" width="5.375" style="691" customWidth="1"/>
    <col min="9211" max="9211" width="8.125" style="691" customWidth="1"/>
    <col min="9212" max="9222" width="7.625" style="691" customWidth="1"/>
    <col min="9223" max="9464" width="9" style="691"/>
    <col min="9465" max="9465" width="2.625" style="691" customWidth="1"/>
    <col min="9466" max="9466" width="5.375" style="691" customWidth="1"/>
    <col min="9467" max="9467" width="8.125" style="691" customWidth="1"/>
    <col min="9468" max="9478" width="7.625" style="691" customWidth="1"/>
    <col min="9479" max="9720" width="9" style="691"/>
    <col min="9721" max="9721" width="2.625" style="691" customWidth="1"/>
    <col min="9722" max="9722" width="5.375" style="691" customWidth="1"/>
    <col min="9723" max="9723" width="8.125" style="691" customWidth="1"/>
    <col min="9724" max="9734" width="7.625" style="691" customWidth="1"/>
    <col min="9735" max="9976" width="9" style="691"/>
    <col min="9977" max="9977" width="2.625" style="691" customWidth="1"/>
    <col min="9978" max="9978" width="5.375" style="691" customWidth="1"/>
    <col min="9979" max="9979" width="8.125" style="691" customWidth="1"/>
    <col min="9980" max="9990" width="7.625" style="691" customWidth="1"/>
    <col min="9991" max="10232" width="9" style="691"/>
    <col min="10233" max="10233" width="2.625" style="691" customWidth="1"/>
    <col min="10234" max="10234" width="5.375" style="691" customWidth="1"/>
    <col min="10235" max="10235" width="8.125" style="691" customWidth="1"/>
    <col min="10236" max="10246" width="7.625" style="691" customWidth="1"/>
    <col min="10247" max="10488" width="9" style="691"/>
    <col min="10489" max="10489" width="2.625" style="691" customWidth="1"/>
    <col min="10490" max="10490" width="5.375" style="691" customWidth="1"/>
    <col min="10491" max="10491" width="8.125" style="691" customWidth="1"/>
    <col min="10492" max="10502" width="7.625" style="691" customWidth="1"/>
    <col min="10503" max="10744" width="9" style="691"/>
    <col min="10745" max="10745" width="2.625" style="691" customWidth="1"/>
    <col min="10746" max="10746" width="5.375" style="691" customWidth="1"/>
    <col min="10747" max="10747" width="8.125" style="691" customWidth="1"/>
    <col min="10748" max="10758" width="7.625" style="691" customWidth="1"/>
    <col min="10759" max="11000" width="9" style="691"/>
    <col min="11001" max="11001" width="2.625" style="691" customWidth="1"/>
    <col min="11002" max="11002" width="5.375" style="691" customWidth="1"/>
    <col min="11003" max="11003" width="8.125" style="691" customWidth="1"/>
    <col min="11004" max="11014" width="7.625" style="691" customWidth="1"/>
    <col min="11015" max="11256" width="9" style="691"/>
    <col min="11257" max="11257" width="2.625" style="691" customWidth="1"/>
    <col min="11258" max="11258" width="5.375" style="691" customWidth="1"/>
    <col min="11259" max="11259" width="8.125" style="691" customWidth="1"/>
    <col min="11260" max="11270" width="7.625" style="691" customWidth="1"/>
    <col min="11271" max="11512" width="9" style="691"/>
    <col min="11513" max="11513" width="2.625" style="691" customWidth="1"/>
    <col min="11514" max="11514" width="5.375" style="691" customWidth="1"/>
    <col min="11515" max="11515" width="8.125" style="691" customWidth="1"/>
    <col min="11516" max="11526" width="7.625" style="691" customWidth="1"/>
    <col min="11527" max="11768" width="9" style="691"/>
    <col min="11769" max="11769" width="2.625" style="691" customWidth="1"/>
    <col min="11770" max="11770" width="5.375" style="691" customWidth="1"/>
    <col min="11771" max="11771" width="8.125" style="691" customWidth="1"/>
    <col min="11772" max="11782" width="7.625" style="691" customWidth="1"/>
    <col min="11783" max="12024" width="9" style="691"/>
    <col min="12025" max="12025" width="2.625" style="691" customWidth="1"/>
    <col min="12026" max="12026" width="5.375" style="691" customWidth="1"/>
    <col min="12027" max="12027" width="8.125" style="691" customWidth="1"/>
    <col min="12028" max="12038" width="7.625" style="691" customWidth="1"/>
    <col min="12039" max="12280" width="9" style="691"/>
    <col min="12281" max="12281" width="2.625" style="691" customWidth="1"/>
    <col min="12282" max="12282" width="5.375" style="691" customWidth="1"/>
    <col min="12283" max="12283" width="8.125" style="691" customWidth="1"/>
    <col min="12284" max="12294" width="7.625" style="691" customWidth="1"/>
    <col min="12295" max="12536" width="9" style="691"/>
    <col min="12537" max="12537" width="2.625" style="691" customWidth="1"/>
    <col min="12538" max="12538" width="5.375" style="691" customWidth="1"/>
    <col min="12539" max="12539" width="8.125" style="691" customWidth="1"/>
    <col min="12540" max="12550" width="7.625" style="691" customWidth="1"/>
    <col min="12551" max="12792" width="9" style="691"/>
    <col min="12793" max="12793" width="2.625" style="691" customWidth="1"/>
    <col min="12794" max="12794" width="5.375" style="691" customWidth="1"/>
    <col min="12795" max="12795" width="8.125" style="691" customWidth="1"/>
    <col min="12796" max="12806" width="7.625" style="691" customWidth="1"/>
    <col min="12807" max="13048" width="9" style="691"/>
    <col min="13049" max="13049" width="2.625" style="691" customWidth="1"/>
    <col min="13050" max="13050" width="5.375" style="691" customWidth="1"/>
    <col min="13051" max="13051" width="8.125" style="691" customWidth="1"/>
    <col min="13052" max="13062" width="7.625" style="691" customWidth="1"/>
    <col min="13063" max="13304" width="9" style="691"/>
    <col min="13305" max="13305" width="2.625" style="691" customWidth="1"/>
    <col min="13306" max="13306" width="5.375" style="691" customWidth="1"/>
    <col min="13307" max="13307" width="8.125" style="691" customWidth="1"/>
    <col min="13308" max="13318" width="7.625" style="691" customWidth="1"/>
    <col min="13319" max="13560" width="9" style="691"/>
    <col min="13561" max="13561" width="2.625" style="691" customWidth="1"/>
    <col min="13562" max="13562" width="5.375" style="691" customWidth="1"/>
    <col min="13563" max="13563" width="8.125" style="691" customWidth="1"/>
    <col min="13564" max="13574" width="7.625" style="691" customWidth="1"/>
    <col min="13575" max="13816" width="9" style="691"/>
    <col min="13817" max="13817" width="2.625" style="691" customWidth="1"/>
    <col min="13818" max="13818" width="5.375" style="691" customWidth="1"/>
    <col min="13819" max="13819" width="8.125" style="691" customWidth="1"/>
    <col min="13820" max="13830" width="7.625" style="691" customWidth="1"/>
    <col min="13831" max="14072" width="9" style="691"/>
    <col min="14073" max="14073" width="2.625" style="691" customWidth="1"/>
    <col min="14074" max="14074" width="5.375" style="691" customWidth="1"/>
    <col min="14075" max="14075" width="8.125" style="691" customWidth="1"/>
    <col min="14076" max="14086" width="7.625" style="691" customWidth="1"/>
    <col min="14087" max="14328" width="9" style="691"/>
    <col min="14329" max="14329" width="2.625" style="691" customWidth="1"/>
    <col min="14330" max="14330" width="5.375" style="691" customWidth="1"/>
    <col min="14331" max="14331" width="8.125" style="691" customWidth="1"/>
    <col min="14332" max="14342" width="7.625" style="691" customWidth="1"/>
    <col min="14343" max="14584" width="9" style="691"/>
    <col min="14585" max="14585" width="2.625" style="691" customWidth="1"/>
    <col min="14586" max="14586" width="5.375" style="691" customWidth="1"/>
    <col min="14587" max="14587" width="8.125" style="691" customWidth="1"/>
    <col min="14588" max="14598" width="7.625" style="691" customWidth="1"/>
    <col min="14599" max="14840" width="9" style="691"/>
    <col min="14841" max="14841" width="2.625" style="691" customWidth="1"/>
    <col min="14842" max="14842" width="5.375" style="691" customWidth="1"/>
    <col min="14843" max="14843" width="8.125" style="691" customWidth="1"/>
    <col min="14844" max="14854" width="7.625" style="691" customWidth="1"/>
    <col min="14855" max="15096" width="9" style="691"/>
    <col min="15097" max="15097" width="2.625" style="691" customWidth="1"/>
    <col min="15098" max="15098" width="5.375" style="691" customWidth="1"/>
    <col min="15099" max="15099" width="8.125" style="691" customWidth="1"/>
    <col min="15100" max="15110" width="7.625" style="691" customWidth="1"/>
    <col min="15111" max="15352" width="9" style="691"/>
    <col min="15353" max="15353" width="2.625" style="691" customWidth="1"/>
    <col min="15354" max="15354" width="5.375" style="691" customWidth="1"/>
    <col min="15355" max="15355" width="8.125" style="691" customWidth="1"/>
    <col min="15356" max="15366" width="7.625" style="691" customWidth="1"/>
    <col min="15367" max="15608" width="9" style="691"/>
    <col min="15609" max="15609" width="2.625" style="691" customWidth="1"/>
    <col min="15610" max="15610" width="5.375" style="691" customWidth="1"/>
    <col min="15611" max="15611" width="8.125" style="691" customWidth="1"/>
    <col min="15612" max="15622" width="7.625" style="691" customWidth="1"/>
    <col min="15623" max="15864" width="9" style="691"/>
    <col min="15865" max="15865" width="2.625" style="691" customWidth="1"/>
    <col min="15866" max="15866" width="5.375" style="691" customWidth="1"/>
    <col min="15867" max="15867" width="8.125" style="691" customWidth="1"/>
    <col min="15868" max="15878" width="7.625" style="691" customWidth="1"/>
    <col min="15879" max="16120" width="9" style="691"/>
    <col min="16121" max="16121" width="2.625" style="691" customWidth="1"/>
    <col min="16122" max="16122" width="5.375" style="691" customWidth="1"/>
    <col min="16123" max="16123" width="8.125" style="691" customWidth="1"/>
    <col min="16124" max="16134" width="7.625" style="691" customWidth="1"/>
    <col min="16135" max="16384" width="9" style="691"/>
  </cols>
  <sheetData>
    <row r="2" spans="1:20" ht="15.75" customHeight="1" x14ac:dyDescent="0.15">
      <c r="B2" s="692" t="s">
        <v>244</v>
      </c>
    </row>
    <row r="3" spans="1:20" ht="5.25" customHeight="1" x14ac:dyDescent="0.15"/>
    <row r="4" spans="1:20" ht="19.350000000000001" customHeight="1" x14ac:dyDescent="0.15">
      <c r="B4" s="693" t="s">
        <v>245</v>
      </c>
      <c r="F4" s="694"/>
      <c r="G4" s="694"/>
    </row>
    <row r="5" spans="1:20" s="697" customFormat="1" ht="15" customHeight="1" x14ac:dyDescent="0.4">
      <c r="A5" s="695"/>
      <c r="B5" s="696" t="s">
        <v>246</v>
      </c>
      <c r="C5" s="696"/>
      <c r="D5" s="696"/>
      <c r="E5" s="696"/>
      <c r="F5" s="696"/>
      <c r="G5" s="696"/>
      <c r="H5" s="696"/>
      <c r="I5" s="696"/>
      <c r="J5" s="691"/>
      <c r="L5" s="698"/>
      <c r="M5" s="699"/>
      <c r="N5" s="700"/>
      <c r="O5" s="700"/>
      <c r="P5" s="700"/>
      <c r="Q5" s="700"/>
      <c r="R5" s="695"/>
      <c r="S5" s="695"/>
      <c r="T5" s="691"/>
    </row>
    <row r="6" spans="1:20" s="697" customFormat="1" ht="15" customHeight="1" x14ac:dyDescent="0.4">
      <c r="A6" s="695"/>
      <c r="B6" s="696" t="s">
        <v>247</v>
      </c>
      <c r="C6" s="696"/>
      <c r="D6" s="696"/>
      <c r="E6" s="696"/>
      <c r="F6" s="696"/>
      <c r="G6" s="696"/>
      <c r="H6" s="696"/>
      <c r="I6" s="696"/>
      <c r="J6" s="691"/>
      <c r="L6" s="698"/>
      <c r="M6" s="699"/>
      <c r="N6" s="700"/>
      <c r="O6" s="700"/>
      <c r="P6" s="700"/>
      <c r="Q6" s="700"/>
      <c r="R6" s="695"/>
      <c r="S6" s="695"/>
      <c r="T6" s="691"/>
    </row>
    <row r="7" spans="1:20" s="697" customFormat="1" ht="15" customHeight="1" x14ac:dyDescent="0.4">
      <c r="A7" s="695"/>
      <c r="B7" s="701" t="s">
        <v>248</v>
      </c>
      <c r="C7" s="701"/>
      <c r="D7" s="701"/>
      <c r="E7" s="701"/>
      <c r="F7" s="701"/>
      <c r="G7" s="701"/>
      <c r="H7" s="701"/>
      <c r="I7" s="701"/>
      <c r="J7" s="691"/>
      <c r="L7" s="699"/>
      <c r="M7" s="698"/>
      <c r="N7" s="700"/>
      <c r="O7" s="700"/>
      <c r="P7" s="700"/>
      <c r="Q7" s="700"/>
      <c r="R7" s="695"/>
      <c r="S7" s="695"/>
      <c r="T7" s="691"/>
    </row>
    <row r="8" spans="1:20" s="697" customFormat="1" ht="15" customHeight="1" x14ac:dyDescent="0.4">
      <c r="A8" s="695"/>
      <c r="B8" s="696" t="s">
        <v>249</v>
      </c>
      <c r="C8" s="696"/>
      <c r="D8" s="696"/>
      <c r="E8" s="696"/>
      <c r="F8" s="696"/>
      <c r="G8" s="696"/>
      <c r="H8" s="696"/>
      <c r="I8" s="696"/>
      <c r="J8" s="691"/>
      <c r="L8" s="698"/>
      <c r="M8" s="699"/>
      <c r="N8" s="700"/>
      <c r="O8" s="700"/>
      <c r="P8" s="700"/>
      <c r="Q8" s="700"/>
      <c r="R8" s="695"/>
      <c r="S8" s="695"/>
      <c r="T8" s="691"/>
    </row>
    <row r="9" spans="1:20" s="697" customFormat="1" ht="15" customHeight="1" x14ac:dyDescent="0.4">
      <c r="A9" s="695"/>
      <c r="B9" s="696" t="s">
        <v>250</v>
      </c>
      <c r="C9" s="696"/>
      <c r="D9" s="696"/>
      <c r="E9" s="696"/>
      <c r="F9" s="696"/>
      <c r="G9" s="696"/>
      <c r="H9" s="696"/>
      <c r="I9" s="696"/>
      <c r="J9" s="691"/>
      <c r="L9" s="698"/>
      <c r="M9" s="699"/>
      <c r="N9" s="700"/>
      <c r="O9" s="700"/>
      <c r="P9" s="700"/>
      <c r="Q9" s="700"/>
      <c r="R9" s="695"/>
      <c r="S9" s="695"/>
      <c r="T9" s="691"/>
    </row>
    <row r="10" spans="1:20" s="697" customFormat="1" ht="15" customHeight="1" x14ac:dyDescent="0.4">
      <c r="A10" s="695"/>
      <c r="B10" s="696" t="s">
        <v>251</v>
      </c>
      <c r="C10" s="696"/>
      <c r="D10" s="696"/>
      <c r="E10" s="696"/>
      <c r="F10" s="696"/>
      <c r="G10" s="696"/>
      <c r="H10" s="696"/>
      <c r="I10" s="696"/>
      <c r="J10" s="691"/>
      <c r="L10" s="698"/>
      <c r="M10" s="699"/>
      <c r="N10" s="700"/>
      <c r="O10" s="700"/>
      <c r="P10" s="700"/>
      <c r="Q10" s="700"/>
      <c r="R10" s="695"/>
      <c r="S10" s="695"/>
      <c r="T10" s="691"/>
    </row>
    <row r="11" spans="1:20" s="697" customFormat="1" ht="15" customHeight="1" x14ac:dyDescent="0.4">
      <c r="A11" s="695"/>
      <c r="B11" s="701" t="s">
        <v>252</v>
      </c>
      <c r="C11" s="701"/>
      <c r="D11" s="701"/>
      <c r="E11" s="701"/>
      <c r="F11" s="701"/>
      <c r="G11" s="701"/>
      <c r="H11" s="701"/>
      <c r="I11" s="701"/>
      <c r="J11" s="691"/>
      <c r="L11" s="699"/>
      <c r="M11" s="698"/>
      <c r="N11" s="700"/>
      <c r="O11" s="700"/>
      <c r="P11" s="700"/>
      <c r="Q11" s="700"/>
      <c r="R11" s="695"/>
      <c r="S11" s="695"/>
      <c r="T11" s="691"/>
    </row>
    <row r="12" spans="1:20" s="697" customFormat="1" ht="15" customHeight="1" x14ac:dyDescent="0.4">
      <c r="A12" s="695"/>
      <c r="B12" s="702"/>
      <c r="C12" s="702"/>
      <c r="D12" s="702"/>
      <c r="E12" s="702"/>
      <c r="F12" s="702"/>
      <c r="G12" s="702"/>
      <c r="H12" s="702"/>
      <c r="I12" s="702"/>
      <c r="J12" s="691"/>
      <c r="L12" s="699"/>
      <c r="M12" s="698"/>
      <c r="N12" s="700"/>
      <c r="O12" s="700"/>
      <c r="P12" s="700"/>
      <c r="Q12" s="700"/>
      <c r="R12" s="695"/>
      <c r="S12" s="695"/>
      <c r="T12" s="691"/>
    </row>
    <row r="13" spans="1:20" s="703" customFormat="1" ht="15" customHeight="1" x14ac:dyDescent="0.15">
      <c r="B13" s="704" t="s">
        <v>253</v>
      </c>
      <c r="C13" s="704"/>
    </row>
    <row r="14" spans="1:20" s="703" customFormat="1" ht="15" customHeight="1" x14ac:dyDescent="0.15">
      <c r="B14" s="705" t="s">
        <v>254</v>
      </c>
      <c r="C14" s="706"/>
      <c r="D14" s="707" t="s">
        <v>255</v>
      </c>
      <c r="E14" s="708"/>
      <c r="F14" s="709"/>
      <c r="G14" s="707" t="s">
        <v>256</v>
      </c>
      <c r="H14" s="708"/>
      <c r="I14" s="709"/>
    </row>
    <row r="15" spans="1:20" ht="13.5" customHeight="1" x14ac:dyDescent="0.15">
      <c r="B15" s="710"/>
      <c r="C15" s="711"/>
      <c r="D15" s="712" t="s">
        <v>257</v>
      </c>
      <c r="E15" s="712" t="s">
        <v>258</v>
      </c>
      <c r="F15" s="705" t="s">
        <v>259</v>
      </c>
      <c r="G15" s="712" t="s">
        <v>260</v>
      </c>
      <c r="H15" s="712" t="s">
        <v>261</v>
      </c>
      <c r="I15" s="713" t="s">
        <v>262</v>
      </c>
    </row>
    <row r="16" spans="1:20" x14ac:dyDescent="0.15">
      <c r="B16" s="714"/>
      <c r="C16" s="715"/>
      <c r="D16" s="716"/>
      <c r="E16" s="716"/>
      <c r="F16" s="714"/>
      <c r="G16" s="716"/>
      <c r="H16" s="714"/>
      <c r="I16" s="717"/>
    </row>
    <row r="17" spans="2:9" x14ac:dyDescent="0.15">
      <c r="B17" s="718"/>
      <c r="C17" s="719"/>
      <c r="D17" s="720" t="s">
        <v>263</v>
      </c>
      <c r="E17" s="720" t="s">
        <v>263</v>
      </c>
      <c r="F17" s="720" t="s">
        <v>263</v>
      </c>
      <c r="G17" s="720" t="s">
        <v>263</v>
      </c>
      <c r="H17" s="720" t="s">
        <v>263</v>
      </c>
      <c r="I17" s="721" t="s">
        <v>263</v>
      </c>
    </row>
    <row r="18" spans="2:9" x14ac:dyDescent="0.15">
      <c r="B18" s="722"/>
      <c r="C18" s="723"/>
      <c r="D18" s="724"/>
      <c r="E18" s="724"/>
      <c r="F18" s="725"/>
      <c r="G18" s="725"/>
      <c r="H18" s="726"/>
      <c r="I18" s="725"/>
    </row>
    <row r="19" spans="2:9" x14ac:dyDescent="0.15">
      <c r="B19" s="727" t="s">
        <v>264</v>
      </c>
      <c r="C19" s="728"/>
      <c r="D19" s="729">
        <v>0.7</v>
      </c>
      <c r="E19" s="729">
        <v>1.8</v>
      </c>
      <c r="F19" s="730">
        <v>0.5</v>
      </c>
      <c r="G19" s="731">
        <v>-0.3</v>
      </c>
      <c r="H19" s="732">
        <v>-1.1000000000000001</v>
      </c>
      <c r="I19" s="733">
        <v>10.3</v>
      </c>
    </row>
    <row r="20" spans="2:9" x14ac:dyDescent="0.15">
      <c r="B20" s="734" t="s">
        <v>265</v>
      </c>
      <c r="C20" s="735"/>
      <c r="D20" s="736">
        <v>0</v>
      </c>
      <c r="E20" s="736">
        <v>1.8</v>
      </c>
      <c r="F20" s="737">
        <v>1.4</v>
      </c>
      <c r="G20" s="738">
        <v>-1</v>
      </c>
      <c r="H20" s="739">
        <v>-1.6</v>
      </c>
      <c r="I20" s="738">
        <v>6.3</v>
      </c>
    </row>
    <row r="21" spans="2:9" x14ac:dyDescent="0.15">
      <c r="B21" s="734" t="s">
        <v>266</v>
      </c>
      <c r="C21" s="735"/>
      <c r="D21" s="736">
        <v>2.2999999999999998</v>
      </c>
      <c r="E21" s="736">
        <v>1.6</v>
      </c>
      <c r="F21" s="737">
        <v>1.1000000000000001</v>
      </c>
      <c r="G21" s="738">
        <v>-0.7</v>
      </c>
      <c r="H21" s="739">
        <v>-1.3</v>
      </c>
      <c r="I21" s="738">
        <v>7.3</v>
      </c>
    </row>
    <row r="22" spans="2:9" x14ac:dyDescent="0.15">
      <c r="B22" s="734" t="s">
        <v>267</v>
      </c>
      <c r="C22" s="735"/>
      <c r="D22" s="736">
        <v>1.6</v>
      </c>
      <c r="E22" s="736">
        <v>1.1000000000000001</v>
      </c>
      <c r="F22" s="737">
        <v>0.8</v>
      </c>
      <c r="G22" s="738">
        <v>-2</v>
      </c>
      <c r="H22" s="739">
        <v>-2.5</v>
      </c>
      <c r="I22" s="737">
        <v>4</v>
      </c>
    </row>
    <row r="23" spans="2:9" x14ac:dyDescent="0.15">
      <c r="B23" s="734" t="s">
        <v>268</v>
      </c>
      <c r="C23" s="735"/>
      <c r="D23" s="736">
        <v>3.1</v>
      </c>
      <c r="E23" s="736">
        <v>1.6</v>
      </c>
      <c r="F23" s="737">
        <v>1.5</v>
      </c>
      <c r="G23" s="738">
        <v>0.8</v>
      </c>
      <c r="H23" s="739">
        <v>0.2</v>
      </c>
      <c r="I23" s="737">
        <v>7.8</v>
      </c>
    </row>
    <row r="24" spans="2:9" x14ac:dyDescent="0.15">
      <c r="B24" s="734" t="s">
        <v>269</v>
      </c>
      <c r="C24" s="735"/>
      <c r="D24" s="736">
        <v>2.6</v>
      </c>
      <c r="E24" s="736">
        <v>0.5</v>
      </c>
      <c r="F24" s="737">
        <v>0.1</v>
      </c>
      <c r="G24" s="738">
        <v>0.3</v>
      </c>
      <c r="H24" s="739">
        <v>0</v>
      </c>
      <c r="I24" s="737">
        <v>3.7</v>
      </c>
    </row>
    <row r="25" spans="2:9" x14ac:dyDescent="0.15">
      <c r="B25" s="727" t="s">
        <v>270</v>
      </c>
      <c r="C25" s="728"/>
      <c r="D25" s="729">
        <v>0.3</v>
      </c>
      <c r="E25" s="729">
        <v>-0.1</v>
      </c>
      <c r="F25" s="730">
        <v>-0.2</v>
      </c>
      <c r="G25" s="731">
        <v>0.6</v>
      </c>
      <c r="H25" s="732">
        <v>0.2</v>
      </c>
      <c r="I25" s="730">
        <v>6.3</v>
      </c>
    </row>
    <row r="26" spans="2:9" x14ac:dyDescent="0.15">
      <c r="B26" s="734" t="s">
        <v>271</v>
      </c>
      <c r="C26" s="735"/>
      <c r="D26" s="736">
        <v>1.1000000000000001</v>
      </c>
      <c r="E26" s="736">
        <v>0.2</v>
      </c>
      <c r="F26" s="737">
        <v>-0.1</v>
      </c>
      <c r="G26" s="738">
        <v>-0.6</v>
      </c>
      <c r="H26" s="739">
        <v>-1.1000000000000001</v>
      </c>
      <c r="I26" s="737">
        <v>6.6</v>
      </c>
    </row>
    <row r="27" spans="2:9" x14ac:dyDescent="0.15">
      <c r="B27" s="734" t="s">
        <v>272</v>
      </c>
      <c r="C27" s="735"/>
      <c r="D27" s="736">
        <v>-0.4</v>
      </c>
      <c r="E27" s="736">
        <v>-0.5</v>
      </c>
      <c r="F27" s="737">
        <v>-0.6</v>
      </c>
      <c r="G27" s="738">
        <v>-1.5</v>
      </c>
      <c r="H27" s="739">
        <v>-1.8</v>
      </c>
      <c r="I27" s="737">
        <v>3.4</v>
      </c>
    </row>
    <row r="28" spans="2:9" x14ac:dyDescent="0.15">
      <c r="B28" s="734" t="s">
        <v>273</v>
      </c>
      <c r="C28" s="735"/>
      <c r="D28" s="736">
        <v>0.1</v>
      </c>
      <c r="E28" s="736">
        <v>-0.2</v>
      </c>
      <c r="F28" s="737">
        <v>-0.6</v>
      </c>
      <c r="G28" s="738">
        <v>-2.4</v>
      </c>
      <c r="H28" s="739">
        <v>-2.9</v>
      </c>
      <c r="I28" s="737">
        <v>3.3</v>
      </c>
    </row>
    <row r="29" spans="2:9" x14ac:dyDescent="0.15">
      <c r="B29" s="734" t="s">
        <v>274</v>
      </c>
      <c r="C29" s="735"/>
      <c r="D29" s="736">
        <v>-0.1</v>
      </c>
      <c r="E29" s="736">
        <v>0.4</v>
      </c>
      <c r="F29" s="737">
        <v>0</v>
      </c>
      <c r="G29" s="738">
        <v>-0.2</v>
      </c>
      <c r="H29" s="739">
        <v>-0.7</v>
      </c>
      <c r="I29" s="737">
        <v>6.3</v>
      </c>
    </row>
    <row r="30" spans="2:9" x14ac:dyDescent="0.15">
      <c r="B30" s="734" t="s">
        <v>275</v>
      </c>
      <c r="C30" s="735"/>
      <c r="D30" s="736">
        <v>1.3</v>
      </c>
      <c r="E30" s="736">
        <v>-0.6</v>
      </c>
      <c r="F30" s="737">
        <v>-0.6</v>
      </c>
      <c r="G30" s="738">
        <v>0.4</v>
      </c>
      <c r="H30" s="739">
        <v>0.1</v>
      </c>
      <c r="I30" s="737">
        <v>5.2</v>
      </c>
    </row>
    <row r="31" spans="2:9" x14ac:dyDescent="0.15">
      <c r="B31" s="727" t="s">
        <v>276</v>
      </c>
      <c r="C31" s="728"/>
      <c r="D31" s="729">
        <v>3.7</v>
      </c>
      <c r="E31" s="729">
        <v>0.7</v>
      </c>
      <c r="F31" s="730">
        <v>0.6</v>
      </c>
      <c r="G31" s="731">
        <v>-0.5</v>
      </c>
      <c r="H31" s="732">
        <v>-1</v>
      </c>
      <c r="I31" s="730">
        <v>5.5</v>
      </c>
    </row>
    <row r="32" spans="2:9" x14ac:dyDescent="0.15">
      <c r="B32" s="734" t="s">
        <v>277</v>
      </c>
      <c r="C32" s="735"/>
      <c r="D32" s="736">
        <v>0.6</v>
      </c>
      <c r="E32" s="736">
        <v>1.4</v>
      </c>
      <c r="F32" s="737">
        <v>1.1000000000000001</v>
      </c>
      <c r="G32" s="738">
        <v>1.9</v>
      </c>
      <c r="H32" s="739">
        <v>1.4</v>
      </c>
      <c r="I32" s="737">
        <v>9.4</v>
      </c>
    </row>
    <row r="33" spans="2:9" x14ac:dyDescent="0.15">
      <c r="B33" s="734" t="s">
        <v>278</v>
      </c>
      <c r="C33" s="735"/>
      <c r="D33" s="736">
        <v>0.4</v>
      </c>
      <c r="E33" s="736">
        <v>0.2</v>
      </c>
      <c r="F33" s="737">
        <v>0.1</v>
      </c>
      <c r="G33" s="738">
        <v>0.3</v>
      </c>
      <c r="H33" s="739">
        <v>-0.1</v>
      </c>
      <c r="I33" s="737">
        <v>5.7</v>
      </c>
    </row>
    <row r="34" spans="2:9" x14ac:dyDescent="0.15">
      <c r="B34" s="734" t="s">
        <v>279</v>
      </c>
      <c r="C34" s="740"/>
      <c r="D34" s="736">
        <v>0.2</v>
      </c>
      <c r="E34" s="736">
        <v>0.3</v>
      </c>
      <c r="F34" s="737">
        <v>-0.2</v>
      </c>
      <c r="G34" s="738">
        <v>-1.2</v>
      </c>
      <c r="H34" s="739">
        <v>-2.4</v>
      </c>
      <c r="I34" s="741">
        <v>13.8</v>
      </c>
    </row>
    <row r="35" spans="2:9" x14ac:dyDescent="0.15">
      <c r="B35" s="734" t="s">
        <v>280</v>
      </c>
      <c r="C35" s="740"/>
      <c r="D35" s="736">
        <v>-0.2</v>
      </c>
      <c r="E35" s="736">
        <v>0.8</v>
      </c>
      <c r="F35" s="737">
        <v>1</v>
      </c>
      <c r="G35" s="738">
        <v>-1.1000000000000001</v>
      </c>
      <c r="H35" s="739">
        <v>-1.1000000000000001</v>
      </c>
      <c r="I35" s="737">
        <v>0</v>
      </c>
    </row>
    <row r="36" spans="2:9" x14ac:dyDescent="0.15">
      <c r="B36" s="734" t="s">
        <v>281</v>
      </c>
      <c r="C36" s="742"/>
      <c r="D36" s="736">
        <v>4.4000000000000004</v>
      </c>
      <c r="E36" s="736">
        <v>0.9</v>
      </c>
      <c r="F36" s="737">
        <v>0.5</v>
      </c>
      <c r="G36" s="738">
        <v>-0.7</v>
      </c>
      <c r="H36" s="739">
        <v>-1.6</v>
      </c>
      <c r="I36" s="741">
        <v>11.3</v>
      </c>
    </row>
    <row r="37" spans="2:9" x14ac:dyDescent="0.15">
      <c r="B37" s="727" t="s">
        <v>282</v>
      </c>
      <c r="C37" s="728"/>
      <c r="D37" s="729">
        <v>1.6</v>
      </c>
      <c r="E37" s="729">
        <v>1.6</v>
      </c>
      <c r="F37" s="730">
        <v>1.5</v>
      </c>
      <c r="G37" s="731">
        <v>-0.6</v>
      </c>
      <c r="H37" s="732">
        <v>-1.1000000000000001</v>
      </c>
      <c r="I37" s="730">
        <v>5.7</v>
      </c>
    </row>
    <row r="38" spans="2:9" x14ac:dyDescent="0.15">
      <c r="B38" s="734" t="s">
        <v>283</v>
      </c>
      <c r="C38" s="735"/>
      <c r="D38" s="736">
        <v>2.2000000000000002</v>
      </c>
      <c r="E38" s="736">
        <v>1.5</v>
      </c>
      <c r="F38" s="737">
        <v>1.2</v>
      </c>
      <c r="G38" s="738">
        <v>2.2000000000000002</v>
      </c>
      <c r="H38" s="739">
        <v>2.6</v>
      </c>
      <c r="I38" s="737">
        <v>-2</v>
      </c>
    </row>
    <row r="39" spans="2:9" x14ac:dyDescent="0.15">
      <c r="B39" s="734" t="s">
        <v>284</v>
      </c>
      <c r="C39" s="735"/>
      <c r="D39" s="737">
        <v>0.8</v>
      </c>
      <c r="E39" s="737">
        <v>1.3</v>
      </c>
      <c r="F39" s="737">
        <v>1.1000000000000001</v>
      </c>
      <c r="G39" s="738">
        <v>1.9</v>
      </c>
      <c r="H39" s="737">
        <v>2.2000000000000002</v>
      </c>
      <c r="I39" s="737">
        <v>-0.9</v>
      </c>
    </row>
    <row r="40" spans="2:9" x14ac:dyDescent="0.15">
      <c r="B40" s="734" t="s">
        <v>285</v>
      </c>
      <c r="C40" s="735"/>
      <c r="D40" s="737">
        <v>2.1</v>
      </c>
      <c r="E40" s="737">
        <v>1.6</v>
      </c>
      <c r="F40" s="737">
        <v>1.6</v>
      </c>
      <c r="G40" s="738">
        <v>-0.1</v>
      </c>
      <c r="H40" s="737">
        <v>0.1</v>
      </c>
      <c r="I40" s="737">
        <v>-2</v>
      </c>
    </row>
    <row r="41" spans="2:9" x14ac:dyDescent="0.15">
      <c r="B41" s="734" t="s">
        <v>286</v>
      </c>
      <c r="C41" s="735"/>
      <c r="D41" s="737">
        <v>3.2</v>
      </c>
      <c r="E41" s="737">
        <v>2.5</v>
      </c>
      <c r="F41" s="737">
        <v>2.4</v>
      </c>
      <c r="G41" s="738">
        <v>2.6</v>
      </c>
      <c r="H41" s="737">
        <v>2.7</v>
      </c>
      <c r="I41" s="737">
        <v>1.1000000000000001</v>
      </c>
    </row>
    <row r="42" spans="2:9" x14ac:dyDescent="0.15">
      <c r="B42" s="743" t="s">
        <v>287</v>
      </c>
      <c r="C42" s="744"/>
      <c r="D42" s="745">
        <v>4.2</v>
      </c>
      <c r="E42" s="745">
        <v>1.7</v>
      </c>
      <c r="F42" s="745">
        <v>1.2</v>
      </c>
      <c r="G42" s="746">
        <v>-0.8</v>
      </c>
      <c r="H42" s="746">
        <v>-0.8</v>
      </c>
      <c r="I42" s="745">
        <v>-1.1000000000000001</v>
      </c>
    </row>
  </sheetData>
  <mergeCells count="40">
    <mergeCell ref="B37:C37"/>
    <mergeCell ref="B38:C38"/>
    <mergeCell ref="B39:C39"/>
    <mergeCell ref="B40:C40"/>
    <mergeCell ref="B41:C41"/>
    <mergeCell ref="B42:C42"/>
    <mergeCell ref="B31:C31"/>
    <mergeCell ref="B32:C32"/>
    <mergeCell ref="B33:C33"/>
    <mergeCell ref="B34:C34"/>
    <mergeCell ref="B35:C35"/>
    <mergeCell ref="B36:C36"/>
    <mergeCell ref="B25:C25"/>
    <mergeCell ref="B26:C26"/>
    <mergeCell ref="B27:C27"/>
    <mergeCell ref="B28:C28"/>
    <mergeCell ref="B29:C29"/>
    <mergeCell ref="B30:C30"/>
    <mergeCell ref="B19:C19"/>
    <mergeCell ref="B20:C20"/>
    <mergeCell ref="B21:C21"/>
    <mergeCell ref="B22:C22"/>
    <mergeCell ref="B23:C23"/>
    <mergeCell ref="B24:C24"/>
    <mergeCell ref="B11:I11"/>
    <mergeCell ref="B14:C16"/>
    <mergeCell ref="D14:F14"/>
    <mergeCell ref="G14:I14"/>
    <mergeCell ref="D15:D16"/>
    <mergeCell ref="E15:E16"/>
    <mergeCell ref="F15:F16"/>
    <mergeCell ref="G15:G16"/>
    <mergeCell ref="H15:H16"/>
    <mergeCell ref="I15:I16"/>
    <mergeCell ref="B5:I5"/>
    <mergeCell ref="B6:I6"/>
    <mergeCell ref="B7:I7"/>
    <mergeCell ref="B8:I8"/>
    <mergeCell ref="B9:I9"/>
    <mergeCell ref="B10:I10"/>
  </mergeCells>
  <phoneticPr fontId="3"/>
  <conditionalFormatting sqref="H19:I19 D19:F19 H21:I21 D21:F21">
    <cfRule type="expression" dxfId="48" priority="49" stopIfTrue="1">
      <formula>OR(RIGHT($B19,2)="６月",RIGHT($B19,3)="12月")</formula>
    </cfRule>
  </conditionalFormatting>
  <conditionalFormatting sqref="G19 G21">
    <cfRule type="expression" dxfId="47" priority="48" stopIfTrue="1">
      <formula>OR(RIGHT($B19,2)="６月",RIGHT($B19,3)="12月")</formula>
    </cfRule>
  </conditionalFormatting>
  <conditionalFormatting sqref="B19:C19 B21:C21">
    <cfRule type="expression" dxfId="46" priority="47" stopIfTrue="1">
      <formula>OR(RIGHT($B19,2)="６月",RIGHT($B19,3)="12月")</formula>
    </cfRule>
  </conditionalFormatting>
  <conditionalFormatting sqref="H20:I20 D20:F20">
    <cfRule type="expression" dxfId="45" priority="46" stopIfTrue="1">
      <formula>OR(RIGHT($B20,2)="６月",RIGHT($B20,3)="12月")</formula>
    </cfRule>
  </conditionalFormatting>
  <conditionalFormatting sqref="G20">
    <cfRule type="expression" dxfId="44" priority="45" stopIfTrue="1">
      <formula>OR(RIGHT($B20,2)="６月",RIGHT($B20,3)="12月")</formula>
    </cfRule>
  </conditionalFormatting>
  <conditionalFormatting sqref="B20:C20">
    <cfRule type="expression" dxfId="43" priority="44" stopIfTrue="1">
      <formula>OR(RIGHT($B20,2)="６月",RIGHT($B20,3)="12月")</formula>
    </cfRule>
  </conditionalFormatting>
  <conditionalFormatting sqref="H24 D24:F24">
    <cfRule type="expression" dxfId="42" priority="43" stopIfTrue="1">
      <formula>OR(RIGHT($B24,2)="６月",RIGHT($B24,3)="12月")</formula>
    </cfRule>
  </conditionalFormatting>
  <conditionalFormatting sqref="G24">
    <cfRule type="expression" dxfId="41" priority="42" stopIfTrue="1">
      <formula>OR(RIGHT($B24,2)="６月",RIGHT($B24,3)="12月")</formula>
    </cfRule>
  </conditionalFormatting>
  <conditionalFormatting sqref="I24">
    <cfRule type="expression" dxfId="40" priority="41" stopIfTrue="1">
      <formula>OR(RIGHT($B24,2)="６月",RIGHT($B24,3)="12月")</formula>
    </cfRule>
  </conditionalFormatting>
  <conditionalFormatting sqref="H23 D23:F23">
    <cfRule type="expression" dxfId="39" priority="40" stopIfTrue="1">
      <formula>OR(RIGHT($B23,2)="６月",RIGHT($B23,3)="12月")</formula>
    </cfRule>
  </conditionalFormatting>
  <conditionalFormatting sqref="G23">
    <cfRule type="expression" dxfId="38" priority="39" stopIfTrue="1">
      <formula>OR(RIGHT($B23,2)="６月",RIGHT($B23,3)="12月")</formula>
    </cfRule>
  </conditionalFormatting>
  <conditionalFormatting sqref="B23:C24">
    <cfRule type="expression" dxfId="37" priority="38" stopIfTrue="1">
      <formula>OR(RIGHT($B23,2)="６月",RIGHT($B23,3)="12月")</formula>
    </cfRule>
  </conditionalFormatting>
  <conditionalFormatting sqref="I23">
    <cfRule type="expression" dxfId="36" priority="37" stopIfTrue="1">
      <formula>OR(RIGHT($B23,2)="６月",RIGHT($B23,3)="12月")</formula>
    </cfRule>
  </conditionalFormatting>
  <conditionalFormatting sqref="H22 D22:F22">
    <cfRule type="expression" dxfId="35" priority="36" stopIfTrue="1">
      <formula>OR(RIGHT($B22,2)="６月",RIGHT($B22,3)="12月")</formula>
    </cfRule>
  </conditionalFormatting>
  <conditionalFormatting sqref="G22">
    <cfRule type="expression" dxfId="34" priority="35" stopIfTrue="1">
      <formula>OR(RIGHT($B22,2)="６月",RIGHT($B22,3)="12月")</formula>
    </cfRule>
  </conditionalFormatting>
  <conditionalFormatting sqref="B22:C22">
    <cfRule type="expression" dxfId="33" priority="34" stopIfTrue="1">
      <formula>OR(RIGHT($B22,2)="６月",RIGHT($B22,3)="12月")</formula>
    </cfRule>
  </conditionalFormatting>
  <conditionalFormatting sqref="I22">
    <cfRule type="expression" dxfId="32" priority="33" stopIfTrue="1">
      <formula>OR(RIGHT($B22,2)="６月",RIGHT($B22,3)="12月")</formula>
    </cfRule>
  </conditionalFormatting>
  <conditionalFormatting sqref="H28:H31 D28:F31 D34:F36 H34:H36">
    <cfRule type="expression" dxfId="31" priority="32" stopIfTrue="1">
      <formula>OR(RIGHT($B28,2)="６月",RIGHT($B28,3)="12月")</formula>
    </cfRule>
  </conditionalFormatting>
  <conditionalFormatting sqref="G28:G31 G34:G36">
    <cfRule type="expression" dxfId="30" priority="31" stopIfTrue="1">
      <formula>OR(RIGHT($B28,2)="６月",RIGHT($B28,3)="12月")</formula>
    </cfRule>
  </conditionalFormatting>
  <conditionalFormatting sqref="B28:C33">
    <cfRule type="expression" dxfId="29" priority="30" stopIfTrue="1">
      <formula>OR(RIGHT($B28,2)="６月",RIGHT($B28,3)="12月")</formula>
    </cfRule>
  </conditionalFormatting>
  <conditionalFormatting sqref="I28:I31 I34:I36">
    <cfRule type="expression" dxfId="28" priority="29" stopIfTrue="1">
      <formula>OR(RIGHT($B28,2)="６月",RIGHT($B28,3)="12月")</formula>
    </cfRule>
  </conditionalFormatting>
  <conditionalFormatting sqref="H25 D25:F25">
    <cfRule type="expression" dxfId="27" priority="28" stopIfTrue="1">
      <formula>OR(RIGHT($B25,2)="６月",RIGHT($B25,3)="12月")</formula>
    </cfRule>
  </conditionalFormatting>
  <conditionalFormatting sqref="G25">
    <cfRule type="expression" dxfId="26" priority="27" stopIfTrue="1">
      <formula>OR(RIGHT($B25,2)="６月",RIGHT($B25,3)="12月")</formula>
    </cfRule>
  </conditionalFormatting>
  <conditionalFormatting sqref="B25:C25">
    <cfRule type="expression" dxfId="25" priority="26" stopIfTrue="1">
      <formula>OR(RIGHT($B25,2)="６月",RIGHT($B25,3)="12月")</formula>
    </cfRule>
  </conditionalFormatting>
  <conditionalFormatting sqref="I25">
    <cfRule type="expression" dxfId="24" priority="25" stopIfTrue="1">
      <formula>OR(RIGHT($B25,2)="６月",RIGHT($B25,3)="12月")</formula>
    </cfRule>
  </conditionalFormatting>
  <conditionalFormatting sqref="H26:H27 D26:F27">
    <cfRule type="expression" dxfId="23" priority="24" stopIfTrue="1">
      <formula>OR(RIGHT($B26,2)="６月",RIGHT($B26,3)="12月")</formula>
    </cfRule>
  </conditionalFormatting>
  <conditionalFormatting sqref="G26:G27">
    <cfRule type="expression" dxfId="22" priority="23" stopIfTrue="1">
      <formula>OR(RIGHT($B26,2)="６月",RIGHT($B26,3)="12月")</formula>
    </cfRule>
  </conditionalFormatting>
  <conditionalFormatting sqref="B26:C27">
    <cfRule type="expression" dxfId="21" priority="22" stopIfTrue="1">
      <formula>OR(RIGHT($B26,2)="６月",RIGHT($B26,3)="12月")</formula>
    </cfRule>
  </conditionalFormatting>
  <conditionalFormatting sqref="I26:I27">
    <cfRule type="expression" dxfId="20" priority="21" stopIfTrue="1">
      <formula>OR(RIGHT($B26,2)="６月",RIGHT($B26,3)="12月")</formula>
    </cfRule>
  </conditionalFormatting>
  <conditionalFormatting sqref="D32:F33 H32:H33">
    <cfRule type="expression" dxfId="19" priority="20" stopIfTrue="1">
      <formula>OR(RIGHT($B32,2)="６月",RIGHT($B32,3)="12月")</formula>
    </cfRule>
  </conditionalFormatting>
  <conditionalFormatting sqref="G32:G33">
    <cfRule type="expression" dxfId="18" priority="19" stopIfTrue="1">
      <formula>OR(RIGHT($B32,2)="６月",RIGHT($B32,3)="12月")</formula>
    </cfRule>
  </conditionalFormatting>
  <conditionalFormatting sqref="I32:I33">
    <cfRule type="expression" dxfId="17" priority="18" stopIfTrue="1">
      <formula>OR(RIGHT($B32,2)="６月",RIGHT($B32,3)="12月")</formula>
    </cfRule>
  </conditionalFormatting>
  <conditionalFormatting sqref="B34:C36">
    <cfRule type="expression" dxfId="16" priority="17" stopIfTrue="1">
      <formula>OR(RIGHT($B34,2)="６月",RIGHT($B34,3)="12月")</formula>
    </cfRule>
  </conditionalFormatting>
  <conditionalFormatting sqref="H39:H41 D39:F41">
    <cfRule type="expression" dxfId="15" priority="16" stopIfTrue="1">
      <formula>OR(RIGHT($B39,2)="６月",RIGHT($B39,3)="12月")</formula>
    </cfRule>
  </conditionalFormatting>
  <conditionalFormatting sqref="G39:G41">
    <cfRule type="expression" dxfId="14" priority="15" stopIfTrue="1">
      <formula>OR(RIGHT($B39,2)="６月",RIGHT($B39,3)="12月")</formula>
    </cfRule>
  </conditionalFormatting>
  <conditionalFormatting sqref="I39:I41">
    <cfRule type="expression" dxfId="13" priority="14" stopIfTrue="1">
      <formula>OR(RIGHT($B39,2)="６月",RIGHT($B39,3)="12月")</formula>
    </cfRule>
  </conditionalFormatting>
  <conditionalFormatting sqref="H37 D37:F37">
    <cfRule type="expression" dxfId="12" priority="13" stopIfTrue="1">
      <formula>OR(RIGHT($B37,2)="６月",RIGHT($B37,3)="12月")</formula>
    </cfRule>
  </conditionalFormatting>
  <conditionalFormatting sqref="G37">
    <cfRule type="expression" dxfId="11" priority="12" stopIfTrue="1">
      <formula>OR(RIGHT($B37,2)="６月",RIGHT($B37,3)="12月")</formula>
    </cfRule>
  </conditionalFormatting>
  <conditionalFormatting sqref="B37:C37 B39:C39 B41:C41">
    <cfRule type="expression" dxfId="10" priority="11" stopIfTrue="1">
      <formula>OR(RIGHT($B37,2)="６月",RIGHT($B37,3)="12月")</formula>
    </cfRule>
  </conditionalFormatting>
  <conditionalFormatting sqref="I37">
    <cfRule type="expression" dxfId="9" priority="10" stopIfTrue="1">
      <formula>OR(RIGHT($B37,2)="６月",RIGHT($B37,3)="12月")</formula>
    </cfRule>
  </conditionalFormatting>
  <conditionalFormatting sqref="H38 D38:F38">
    <cfRule type="expression" dxfId="8" priority="9" stopIfTrue="1">
      <formula>OR(RIGHT($B38,2)="６月",RIGHT($B38,3)="12月")</formula>
    </cfRule>
  </conditionalFormatting>
  <conditionalFormatting sqref="G38">
    <cfRule type="expression" dxfId="7" priority="8" stopIfTrue="1">
      <formula>OR(RIGHT($B38,2)="６月",RIGHT($B38,3)="12月")</formula>
    </cfRule>
  </conditionalFormatting>
  <conditionalFormatting sqref="I38">
    <cfRule type="expression" dxfId="6" priority="7" stopIfTrue="1">
      <formula>OR(RIGHT($B38,2)="６月",RIGHT($B38,3)="12月")</formula>
    </cfRule>
  </conditionalFormatting>
  <conditionalFormatting sqref="B38:C38 B40:C40">
    <cfRule type="expression" dxfId="5" priority="6" stopIfTrue="1">
      <formula>OR(RIGHT($B38,2)="６月",RIGHT($B38,3)="12月")</formula>
    </cfRule>
  </conditionalFormatting>
  <conditionalFormatting sqref="D42:F42">
    <cfRule type="expression" dxfId="4" priority="5" stopIfTrue="1">
      <formula>OR(RIGHT($B42,2)="６月",RIGHT($B42,3)="12月")</formula>
    </cfRule>
  </conditionalFormatting>
  <conditionalFormatting sqref="I42">
    <cfRule type="expression" dxfId="3" priority="4" stopIfTrue="1">
      <formula>OR(RIGHT($B42,2)="６月",RIGHT($B42,3)="12月")</formula>
    </cfRule>
  </conditionalFormatting>
  <conditionalFormatting sqref="B42:C42">
    <cfRule type="expression" dxfId="2" priority="3" stopIfTrue="1">
      <formula>OR(RIGHT($B42,2)="６月",RIGHT($B42,3)="12月")</formula>
    </cfRule>
  </conditionalFormatting>
  <conditionalFormatting sqref="H42">
    <cfRule type="expression" dxfId="1" priority="2" stopIfTrue="1">
      <formula>OR(RIGHT($B42,2)="６月",RIGHT($B42,3)="12月")</formula>
    </cfRule>
  </conditionalFormatting>
  <conditionalFormatting sqref="G42">
    <cfRule type="expression" dxfId="0" priority="1" stopIfTrue="1">
      <formula>OR(RIGHT($B42,2)="６月",RIGHT($B42,3)="12月")</formula>
    </cfRule>
  </conditionalFormatting>
  <printOptions horizontalCentered="1" gridLinesSet="0"/>
  <pageMargins left="0.59055118110236227" right="0.19685039370078741" top="0.6692913385826772" bottom="0.51181102362204722" header="0.31496062992125984" footer="0.15748031496062992"/>
  <pageSetup paperSize="9" scale="96" fitToHeight="0" orientation="portrait" r:id="rId1"/>
  <headerFooter alignWithMargins="0">
    <oddFooter>&amp;C- 24 -</oddFooter>
  </headerFooter>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8">
    <tabColor indexed="52"/>
    <pageSetUpPr fitToPage="1"/>
  </sheetPr>
  <dimension ref="A1:P51"/>
  <sheetViews>
    <sheetView view="pageBreakPreview" zoomScale="115" zoomScaleNormal="85" zoomScaleSheetLayoutView="115" workbookViewId="0">
      <selection sqref="A1:A48"/>
    </sheetView>
  </sheetViews>
  <sheetFormatPr defaultRowHeight="14.25" customHeight="1" x14ac:dyDescent="0.15"/>
  <cols>
    <col min="1" max="1" width="5" style="201" customWidth="1"/>
    <col min="2" max="2" width="6.625" style="200" customWidth="1"/>
    <col min="3" max="3" width="22.5" style="198" customWidth="1"/>
    <col min="4" max="4" width="9.375" style="197" customWidth="1"/>
    <col min="5" max="14" width="9.375" style="198" customWidth="1"/>
    <col min="15" max="15" width="6.625" style="198" customWidth="1"/>
    <col min="16" max="16384" width="9" style="1"/>
  </cols>
  <sheetData>
    <row r="1" spans="1:16" ht="22.5" customHeight="1" x14ac:dyDescent="0.15">
      <c r="A1" s="592" t="s">
        <v>75</v>
      </c>
      <c r="B1" s="593" t="s">
        <v>76</v>
      </c>
      <c r="C1" s="593"/>
      <c r="D1" s="593"/>
      <c r="E1" s="593"/>
      <c r="F1" s="593"/>
      <c r="G1" s="593"/>
      <c r="H1" s="593"/>
      <c r="I1" s="593"/>
      <c r="J1" s="593"/>
      <c r="K1" s="593"/>
      <c r="L1" s="593"/>
      <c r="M1" s="593"/>
      <c r="N1" s="593"/>
      <c r="O1" s="593"/>
      <c r="P1" s="149"/>
    </row>
    <row r="2" spans="1:16" ht="11.25" customHeight="1" thickBot="1" x14ac:dyDescent="0.2">
      <c r="A2" s="592"/>
      <c r="B2" s="594" t="s">
        <v>77</v>
      </c>
      <c r="C2" s="594"/>
      <c r="D2" s="594"/>
      <c r="E2" s="594"/>
      <c r="F2" s="594"/>
      <c r="G2" s="594"/>
      <c r="H2" s="93"/>
      <c r="I2" s="93"/>
      <c r="J2" s="93"/>
      <c r="K2" s="93"/>
      <c r="L2" s="93"/>
      <c r="M2" s="93"/>
      <c r="N2" s="595" t="s">
        <v>78</v>
      </c>
      <c r="O2" s="595"/>
      <c r="P2" s="10"/>
    </row>
    <row r="3" spans="1:16" ht="7.5" customHeight="1" x14ac:dyDescent="0.15">
      <c r="A3" s="592"/>
      <c r="B3" s="525" t="s">
        <v>79</v>
      </c>
      <c r="C3" s="552"/>
      <c r="D3" s="151"/>
      <c r="E3" s="525" t="s">
        <v>80</v>
      </c>
      <c r="F3" s="596"/>
      <c r="G3" s="596"/>
      <c r="H3" s="153"/>
      <c r="I3" s="152"/>
      <c r="J3" s="583" t="s">
        <v>81</v>
      </c>
      <c r="K3" s="154"/>
      <c r="L3" s="155"/>
      <c r="M3" s="583" t="s">
        <v>82</v>
      </c>
      <c r="N3" s="154"/>
      <c r="O3" s="525" t="s">
        <v>83</v>
      </c>
    </row>
    <row r="4" spans="1:16" ht="7.5" customHeight="1" x14ac:dyDescent="0.15">
      <c r="A4" s="592"/>
      <c r="B4" s="527"/>
      <c r="C4" s="553"/>
      <c r="D4" s="156"/>
      <c r="E4" s="597"/>
      <c r="F4" s="597"/>
      <c r="G4" s="597"/>
      <c r="H4" s="157"/>
      <c r="I4" s="158"/>
      <c r="J4" s="584"/>
      <c r="K4" s="157"/>
      <c r="L4" s="159"/>
      <c r="M4" s="584"/>
      <c r="N4" s="157"/>
      <c r="O4" s="527"/>
    </row>
    <row r="5" spans="1:16" ht="7.5" customHeight="1" x14ac:dyDescent="0.15">
      <c r="A5" s="592"/>
      <c r="B5" s="527"/>
      <c r="C5" s="553"/>
      <c r="D5" s="585" t="s">
        <v>41</v>
      </c>
      <c r="E5" s="160"/>
      <c r="F5" s="160"/>
      <c r="G5" s="160"/>
      <c r="H5" s="161"/>
      <c r="I5" s="585" t="s">
        <v>41</v>
      </c>
      <c r="J5" s="162"/>
      <c r="K5" s="163"/>
      <c r="L5" s="585" t="s">
        <v>41</v>
      </c>
      <c r="M5" s="162"/>
      <c r="N5" s="163"/>
      <c r="O5" s="527"/>
    </row>
    <row r="6" spans="1:16" ht="7.5" customHeight="1" x14ac:dyDescent="0.15">
      <c r="A6" s="592"/>
      <c r="B6" s="527"/>
      <c r="C6" s="553"/>
      <c r="D6" s="586"/>
      <c r="E6" s="588" t="s">
        <v>84</v>
      </c>
      <c r="F6" s="160"/>
      <c r="G6" s="164"/>
      <c r="H6" s="590" t="s">
        <v>85</v>
      </c>
      <c r="I6" s="586"/>
      <c r="J6" s="588" t="s">
        <v>84</v>
      </c>
      <c r="K6" s="590" t="s">
        <v>85</v>
      </c>
      <c r="L6" s="586"/>
      <c r="M6" s="588" t="s">
        <v>84</v>
      </c>
      <c r="N6" s="590" t="s">
        <v>85</v>
      </c>
      <c r="O6" s="527"/>
    </row>
    <row r="7" spans="1:16" ht="7.5" customHeight="1" x14ac:dyDescent="0.15">
      <c r="A7" s="592"/>
      <c r="B7" s="527"/>
      <c r="C7" s="553"/>
      <c r="D7" s="586"/>
      <c r="E7" s="589"/>
      <c r="F7" s="598" t="s">
        <v>86</v>
      </c>
      <c r="G7" s="598" t="s">
        <v>87</v>
      </c>
      <c r="H7" s="591"/>
      <c r="I7" s="586"/>
      <c r="J7" s="589"/>
      <c r="K7" s="591"/>
      <c r="L7" s="586"/>
      <c r="M7" s="589"/>
      <c r="N7" s="591"/>
      <c r="O7" s="527"/>
    </row>
    <row r="8" spans="1:16" ht="7.5" customHeight="1" x14ac:dyDescent="0.15">
      <c r="A8" s="592"/>
      <c r="B8" s="554"/>
      <c r="C8" s="555"/>
      <c r="D8" s="587"/>
      <c r="E8" s="589"/>
      <c r="F8" s="599"/>
      <c r="G8" s="599"/>
      <c r="H8" s="591"/>
      <c r="I8" s="587"/>
      <c r="J8" s="589"/>
      <c r="K8" s="591"/>
      <c r="L8" s="587"/>
      <c r="M8" s="589"/>
      <c r="N8" s="591"/>
      <c r="O8" s="554"/>
    </row>
    <row r="9" spans="1:16" ht="13.5" customHeight="1" x14ac:dyDescent="0.15">
      <c r="A9" s="592"/>
      <c r="B9" s="167" t="s">
        <v>88</v>
      </c>
      <c r="C9" s="168" t="s">
        <v>89</v>
      </c>
      <c r="D9" s="169">
        <v>477748</v>
      </c>
      <c r="E9" s="170">
        <v>279034</v>
      </c>
      <c r="F9" s="170">
        <v>259543</v>
      </c>
      <c r="G9" s="170">
        <v>19491</v>
      </c>
      <c r="H9" s="170">
        <v>198714</v>
      </c>
      <c r="I9" s="169">
        <v>641086</v>
      </c>
      <c r="J9" s="170">
        <v>354317</v>
      </c>
      <c r="K9" s="170">
        <v>286769</v>
      </c>
      <c r="L9" s="169">
        <v>299725</v>
      </c>
      <c r="M9" s="170">
        <v>196982</v>
      </c>
      <c r="N9" s="171">
        <v>102743</v>
      </c>
      <c r="O9" s="167" t="s">
        <v>88</v>
      </c>
    </row>
    <row r="10" spans="1:16" ht="7.5" customHeight="1" x14ac:dyDescent="0.15">
      <c r="A10" s="592"/>
      <c r="B10" s="172"/>
      <c r="C10" s="173"/>
      <c r="D10" s="174"/>
      <c r="E10" s="175"/>
      <c r="F10" s="175"/>
      <c r="G10" s="175"/>
      <c r="H10" s="175"/>
      <c r="I10" s="174"/>
      <c r="J10" s="175"/>
      <c r="K10" s="175"/>
      <c r="L10" s="174"/>
      <c r="M10" s="175"/>
      <c r="N10" s="176"/>
      <c r="O10" s="172"/>
    </row>
    <row r="11" spans="1:16" ht="13.5" customHeight="1" x14ac:dyDescent="0.15">
      <c r="A11" s="592"/>
      <c r="B11" s="172" t="s">
        <v>90</v>
      </c>
      <c r="C11" s="177" t="s">
        <v>1</v>
      </c>
      <c r="D11" s="178">
        <v>587530</v>
      </c>
      <c r="E11" s="179">
        <v>394446</v>
      </c>
      <c r="F11" s="179">
        <v>367998</v>
      </c>
      <c r="G11" s="179">
        <v>26448</v>
      </c>
      <c r="H11" s="179">
        <v>193084</v>
      </c>
      <c r="I11" s="178">
        <v>638794</v>
      </c>
      <c r="J11" s="179">
        <v>426631</v>
      </c>
      <c r="K11" s="179">
        <v>212163</v>
      </c>
      <c r="L11" s="178">
        <v>357308</v>
      </c>
      <c r="M11" s="179">
        <v>249906</v>
      </c>
      <c r="N11" s="180">
        <v>107402</v>
      </c>
      <c r="O11" s="172" t="s">
        <v>90</v>
      </c>
    </row>
    <row r="12" spans="1:16" ht="13.5" customHeight="1" x14ac:dyDescent="0.15">
      <c r="A12" s="592"/>
      <c r="B12" s="167" t="s">
        <v>91</v>
      </c>
      <c r="C12" s="168" t="s">
        <v>2</v>
      </c>
      <c r="D12" s="181">
        <v>712571</v>
      </c>
      <c r="E12" s="182">
        <v>393399</v>
      </c>
      <c r="F12" s="182">
        <v>359192</v>
      </c>
      <c r="G12" s="182">
        <v>34207</v>
      </c>
      <c r="H12" s="182">
        <v>319172</v>
      </c>
      <c r="I12" s="181">
        <v>807683</v>
      </c>
      <c r="J12" s="182">
        <v>437449</v>
      </c>
      <c r="K12" s="182">
        <v>370234</v>
      </c>
      <c r="L12" s="181">
        <v>425253</v>
      </c>
      <c r="M12" s="182">
        <v>260332</v>
      </c>
      <c r="N12" s="183">
        <v>164921</v>
      </c>
      <c r="O12" s="167" t="s">
        <v>91</v>
      </c>
    </row>
    <row r="13" spans="1:16" ht="13.5" customHeight="1" x14ac:dyDescent="0.15">
      <c r="A13" s="592"/>
      <c r="B13" s="172" t="s">
        <v>92</v>
      </c>
      <c r="C13" s="177" t="s">
        <v>3</v>
      </c>
      <c r="D13" s="178">
        <v>897775</v>
      </c>
      <c r="E13" s="179">
        <v>427796</v>
      </c>
      <c r="F13" s="179">
        <v>380925</v>
      </c>
      <c r="G13" s="179">
        <v>46871</v>
      </c>
      <c r="H13" s="179">
        <v>469979</v>
      </c>
      <c r="I13" s="178">
        <v>938345</v>
      </c>
      <c r="J13" s="179">
        <v>447473</v>
      </c>
      <c r="K13" s="179">
        <v>490872</v>
      </c>
      <c r="L13" s="178">
        <v>594441</v>
      </c>
      <c r="M13" s="179">
        <v>280673</v>
      </c>
      <c r="N13" s="180">
        <v>313768</v>
      </c>
      <c r="O13" s="172" t="s">
        <v>92</v>
      </c>
    </row>
    <row r="14" spans="1:16" ht="13.5" customHeight="1" x14ac:dyDescent="0.15">
      <c r="A14" s="592"/>
      <c r="B14" s="167" t="s">
        <v>93</v>
      </c>
      <c r="C14" s="168" t="s">
        <v>4</v>
      </c>
      <c r="D14" s="181">
        <v>1086041</v>
      </c>
      <c r="E14" s="182">
        <v>403317</v>
      </c>
      <c r="F14" s="182">
        <v>371551</v>
      </c>
      <c r="G14" s="182">
        <v>31766</v>
      </c>
      <c r="H14" s="182">
        <v>682724</v>
      </c>
      <c r="I14" s="181">
        <v>1210329</v>
      </c>
      <c r="J14" s="182">
        <v>438060</v>
      </c>
      <c r="K14" s="182">
        <v>772269</v>
      </c>
      <c r="L14" s="181">
        <v>735387</v>
      </c>
      <c r="M14" s="182">
        <v>305297</v>
      </c>
      <c r="N14" s="183">
        <v>430090</v>
      </c>
      <c r="O14" s="167" t="s">
        <v>93</v>
      </c>
    </row>
    <row r="15" spans="1:16" ht="13.5" customHeight="1" x14ac:dyDescent="0.15">
      <c r="A15" s="592"/>
      <c r="B15" s="172" t="s">
        <v>94</v>
      </c>
      <c r="C15" s="177" t="s">
        <v>5</v>
      </c>
      <c r="D15" s="178">
        <v>513641</v>
      </c>
      <c r="E15" s="179">
        <v>320305</v>
      </c>
      <c r="F15" s="179">
        <v>268545</v>
      </c>
      <c r="G15" s="179">
        <v>51760</v>
      </c>
      <c r="H15" s="179">
        <v>193336</v>
      </c>
      <c r="I15" s="178">
        <v>569786</v>
      </c>
      <c r="J15" s="179">
        <v>345205</v>
      </c>
      <c r="K15" s="179">
        <v>224581</v>
      </c>
      <c r="L15" s="178">
        <v>314781</v>
      </c>
      <c r="M15" s="179">
        <v>232112</v>
      </c>
      <c r="N15" s="180">
        <v>82669</v>
      </c>
      <c r="O15" s="172" t="s">
        <v>94</v>
      </c>
    </row>
    <row r="16" spans="1:16" ht="13.5" customHeight="1" x14ac:dyDescent="0.15">
      <c r="A16" s="592"/>
      <c r="B16" s="167" t="s">
        <v>95</v>
      </c>
      <c r="C16" s="168" t="s">
        <v>6</v>
      </c>
      <c r="D16" s="181">
        <v>318076</v>
      </c>
      <c r="E16" s="182">
        <v>232406</v>
      </c>
      <c r="F16" s="182">
        <v>219820</v>
      </c>
      <c r="G16" s="182">
        <v>12586</v>
      </c>
      <c r="H16" s="182">
        <v>85670</v>
      </c>
      <c r="I16" s="181">
        <v>471360</v>
      </c>
      <c r="J16" s="182">
        <v>320668</v>
      </c>
      <c r="K16" s="182">
        <v>150692</v>
      </c>
      <c r="L16" s="181">
        <v>190004</v>
      </c>
      <c r="M16" s="182">
        <v>158661</v>
      </c>
      <c r="N16" s="183">
        <v>31343</v>
      </c>
      <c r="O16" s="167" t="s">
        <v>95</v>
      </c>
    </row>
    <row r="17" spans="1:15" ht="13.5" customHeight="1" x14ac:dyDescent="0.15">
      <c r="A17" s="592"/>
      <c r="B17" s="172" t="s">
        <v>96</v>
      </c>
      <c r="C17" s="177" t="s">
        <v>7</v>
      </c>
      <c r="D17" s="178">
        <v>791444</v>
      </c>
      <c r="E17" s="179">
        <v>331916</v>
      </c>
      <c r="F17" s="179">
        <v>303016</v>
      </c>
      <c r="G17" s="179">
        <v>28900</v>
      </c>
      <c r="H17" s="179">
        <v>459528</v>
      </c>
      <c r="I17" s="178">
        <v>1312230</v>
      </c>
      <c r="J17" s="179">
        <v>492631</v>
      </c>
      <c r="K17" s="179">
        <v>819599</v>
      </c>
      <c r="L17" s="178">
        <v>601979</v>
      </c>
      <c r="M17" s="179">
        <v>273447</v>
      </c>
      <c r="N17" s="180">
        <v>328532</v>
      </c>
      <c r="O17" s="172" t="s">
        <v>96</v>
      </c>
    </row>
    <row r="18" spans="1:15" ht="13.5" customHeight="1" x14ac:dyDescent="0.15">
      <c r="A18" s="592"/>
      <c r="B18" s="167" t="s">
        <v>97</v>
      </c>
      <c r="C18" s="168" t="s">
        <v>8</v>
      </c>
      <c r="D18" s="181">
        <v>749963</v>
      </c>
      <c r="E18" s="182">
        <v>322727</v>
      </c>
      <c r="F18" s="182">
        <v>293202</v>
      </c>
      <c r="G18" s="182">
        <v>29525</v>
      </c>
      <c r="H18" s="182">
        <v>427236</v>
      </c>
      <c r="I18" s="181">
        <v>966232</v>
      </c>
      <c r="J18" s="182">
        <v>385782</v>
      </c>
      <c r="K18" s="182">
        <v>580450</v>
      </c>
      <c r="L18" s="181">
        <v>405598</v>
      </c>
      <c r="M18" s="182">
        <v>222326</v>
      </c>
      <c r="N18" s="183">
        <v>183272</v>
      </c>
      <c r="O18" s="167" t="s">
        <v>97</v>
      </c>
    </row>
    <row r="19" spans="1:15" ht="13.5" customHeight="1" x14ac:dyDescent="0.15">
      <c r="A19" s="592"/>
      <c r="B19" s="172" t="s">
        <v>98</v>
      </c>
      <c r="C19" s="177" t="s">
        <v>9</v>
      </c>
      <c r="D19" s="178">
        <v>1012721</v>
      </c>
      <c r="E19" s="179">
        <v>447373</v>
      </c>
      <c r="F19" s="179">
        <v>418096</v>
      </c>
      <c r="G19" s="179">
        <v>29277</v>
      </c>
      <c r="H19" s="179">
        <v>565348</v>
      </c>
      <c r="I19" s="178">
        <v>1185204</v>
      </c>
      <c r="J19" s="179">
        <v>504071</v>
      </c>
      <c r="K19" s="179">
        <v>681133</v>
      </c>
      <c r="L19" s="178">
        <v>562161</v>
      </c>
      <c r="M19" s="179">
        <v>299266</v>
      </c>
      <c r="N19" s="180">
        <v>262895</v>
      </c>
      <c r="O19" s="172" t="s">
        <v>98</v>
      </c>
    </row>
    <row r="20" spans="1:15" ht="13.5" customHeight="1" x14ac:dyDescent="0.15">
      <c r="A20" s="592"/>
      <c r="B20" s="167" t="s">
        <v>99</v>
      </c>
      <c r="C20" s="168" t="s">
        <v>10</v>
      </c>
      <c r="D20" s="181">
        <v>163458</v>
      </c>
      <c r="E20" s="182">
        <v>146924</v>
      </c>
      <c r="F20" s="182">
        <v>139648</v>
      </c>
      <c r="G20" s="182">
        <v>7276</v>
      </c>
      <c r="H20" s="182">
        <v>16534</v>
      </c>
      <c r="I20" s="181">
        <v>231148</v>
      </c>
      <c r="J20" s="182">
        <v>197934</v>
      </c>
      <c r="K20" s="182">
        <v>33214</v>
      </c>
      <c r="L20" s="181">
        <v>120868</v>
      </c>
      <c r="M20" s="182">
        <v>114829</v>
      </c>
      <c r="N20" s="183">
        <v>6039</v>
      </c>
      <c r="O20" s="167" t="s">
        <v>99</v>
      </c>
    </row>
    <row r="21" spans="1:15" ht="13.5" customHeight="1" x14ac:dyDescent="0.15">
      <c r="A21" s="592"/>
      <c r="B21" s="172" t="s">
        <v>100</v>
      </c>
      <c r="C21" s="177" t="s">
        <v>11</v>
      </c>
      <c r="D21" s="178">
        <v>203245</v>
      </c>
      <c r="E21" s="179">
        <v>180742</v>
      </c>
      <c r="F21" s="179">
        <v>173198</v>
      </c>
      <c r="G21" s="179">
        <v>7544</v>
      </c>
      <c r="H21" s="179">
        <v>22503</v>
      </c>
      <c r="I21" s="178">
        <v>232020</v>
      </c>
      <c r="J21" s="179">
        <v>211503</v>
      </c>
      <c r="K21" s="179">
        <v>20517</v>
      </c>
      <c r="L21" s="178">
        <v>181236</v>
      </c>
      <c r="M21" s="179">
        <v>157213</v>
      </c>
      <c r="N21" s="180">
        <v>24023</v>
      </c>
      <c r="O21" s="172" t="s">
        <v>100</v>
      </c>
    </row>
    <row r="22" spans="1:15" ht="13.5" customHeight="1" x14ac:dyDescent="0.15">
      <c r="A22" s="592"/>
      <c r="B22" s="167" t="s">
        <v>101</v>
      </c>
      <c r="C22" s="168" t="s">
        <v>12</v>
      </c>
      <c r="D22" s="181">
        <v>567831</v>
      </c>
      <c r="E22" s="182">
        <v>248284</v>
      </c>
      <c r="F22" s="182">
        <v>244255</v>
      </c>
      <c r="G22" s="182">
        <v>4029</v>
      </c>
      <c r="H22" s="182">
        <v>319547</v>
      </c>
      <c r="I22" s="181">
        <v>631693</v>
      </c>
      <c r="J22" s="182">
        <v>264500</v>
      </c>
      <c r="K22" s="182">
        <v>367193</v>
      </c>
      <c r="L22" s="181">
        <v>511052</v>
      </c>
      <c r="M22" s="182">
        <v>233866</v>
      </c>
      <c r="N22" s="183">
        <v>277186</v>
      </c>
      <c r="O22" s="167" t="s">
        <v>101</v>
      </c>
    </row>
    <row r="23" spans="1:15" ht="13.5" customHeight="1" x14ac:dyDescent="0.15">
      <c r="A23" s="592"/>
      <c r="B23" s="172" t="s">
        <v>102</v>
      </c>
      <c r="C23" s="177" t="s">
        <v>13</v>
      </c>
      <c r="D23" s="178">
        <v>370514</v>
      </c>
      <c r="E23" s="179">
        <v>251950</v>
      </c>
      <c r="F23" s="179">
        <v>238969</v>
      </c>
      <c r="G23" s="179">
        <v>12981</v>
      </c>
      <c r="H23" s="179">
        <v>118564</v>
      </c>
      <c r="I23" s="178">
        <v>506522</v>
      </c>
      <c r="J23" s="179">
        <v>335126</v>
      </c>
      <c r="K23" s="179">
        <v>171396</v>
      </c>
      <c r="L23" s="178">
        <v>324852</v>
      </c>
      <c r="M23" s="179">
        <v>224025</v>
      </c>
      <c r="N23" s="180">
        <v>100827</v>
      </c>
      <c r="O23" s="172" t="s">
        <v>102</v>
      </c>
    </row>
    <row r="24" spans="1:15" ht="13.5" customHeight="1" x14ac:dyDescent="0.15">
      <c r="A24" s="592"/>
      <c r="B24" s="167" t="s">
        <v>103</v>
      </c>
      <c r="C24" s="168" t="s">
        <v>14</v>
      </c>
      <c r="D24" s="181">
        <v>577418</v>
      </c>
      <c r="E24" s="182">
        <v>308361</v>
      </c>
      <c r="F24" s="182">
        <v>290507</v>
      </c>
      <c r="G24" s="182">
        <v>17854</v>
      </c>
      <c r="H24" s="182">
        <v>269057</v>
      </c>
      <c r="I24" s="181">
        <v>722933</v>
      </c>
      <c r="J24" s="182">
        <v>366017</v>
      </c>
      <c r="K24" s="182">
        <v>356916</v>
      </c>
      <c r="L24" s="181">
        <v>430959</v>
      </c>
      <c r="M24" s="182">
        <v>250331</v>
      </c>
      <c r="N24" s="183">
        <v>180628</v>
      </c>
      <c r="O24" s="167" t="s">
        <v>103</v>
      </c>
    </row>
    <row r="25" spans="1:15" ht="13.5" customHeight="1" x14ac:dyDescent="0.15">
      <c r="A25" s="592"/>
      <c r="B25" s="172" t="s">
        <v>104</v>
      </c>
      <c r="C25" s="177" t="s">
        <v>15</v>
      </c>
      <c r="D25" s="178">
        <v>392756</v>
      </c>
      <c r="E25" s="179">
        <v>238321</v>
      </c>
      <c r="F25" s="179">
        <v>221608</v>
      </c>
      <c r="G25" s="179">
        <v>16713</v>
      </c>
      <c r="H25" s="179">
        <v>154435</v>
      </c>
      <c r="I25" s="178">
        <v>498794</v>
      </c>
      <c r="J25" s="179">
        <v>290802</v>
      </c>
      <c r="K25" s="179">
        <v>207992</v>
      </c>
      <c r="L25" s="178">
        <v>245571</v>
      </c>
      <c r="M25" s="179">
        <v>165476</v>
      </c>
      <c r="N25" s="180">
        <v>80095</v>
      </c>
      <c r="O25" s="172" t="s">
        <v>104</v>
      </c>
    </row>
    <row r="26" spans="1:15" ht="7.5" customHeight="1" x14ac:dyDescent="0.15">
      <c r="A26" s="592"/>
      <c r="B26" s="172"/>
      <c r="C26" s="177"/>
      <c r="D26" s="178"/>
      <c r="E26" s="179"/>
      <c r="F26" s="179"/>
      <c r="G26" s="179"/>
      <c r="H26" s="179"/>
      <c r="I26" s="178"/>
      <c r="J26" s="179"/>
      <c r="K26" s="179"/>
      <c r="L26" s="178"/>
      <c r="M26" s="179"/>
      <c r="N26" s="180"/>
      <c r="O26" s="172"/>
    </row>
    <row r="27" spans="1:15" ht="13.5" customHeight="1" x14ac:dyDescent="0.15">
      <c r="A27" s="592"/>
      <c r="B27" s="167" t="s">
        <v>105</v>
      </c>
      <c r="C27" s="168" t="s">
        <v>16</v>
      </c>
      <c r="D27" s="181">
        <v>375067</v>
      </c>
      <c r="E27" s="182">
        <v>244283</v>
      </c>
      <c r="F27" s="182">
        <v>218459</v>
      </c>
      <c r="G27" s="182">
        <v>25824</v>
      </c>
      <c r="H27" s="182">
        <v>130784</v>
      </c>
      <c r="I27" s="181">
        <v>525618</v>
      </c>
      <c r="J27" s="182">
        <v>310730</v>
      </c>
      <c r="K27" s="182">
        <v>214888</v>
      </c>
      <c r="L27" s="181">
        <v>258981</v>
      </c>
      <c r="M27" s="182">
        <v>193047</v>
      </c>
      <c r="N27" s="183">
        <v>65934</v>
      </c>
      <c r="O27" s="167" t="s">
        <v>105</v>
      </c>
    </row>
    <row r="28" spans="1:15" ht="13.5" customHeight="1" x14ac:dyDescent="0.15">
      <c r="A28" s="592"/>
      <c r="B28" s="172" t="s">
        <v>106</v>
      </c>
      <c r="C28" s="177" t="s">
        <v>17</v>
      </c>
      <c r="D28" s="184">
        <v>378584</v>
      </c>
      <c r="E28" s="185">
        <v>318493</v>
      </c>
      <c r="F28" s="185">
        <v>310798</v>
      </c>
      <c r="G28" s="185">
        <v>7695</v>
      </c>
      <c r="H28" s="185">
        <v>60091</v>
      </c>
      <c r="I28" s="184">
        <v>497315</v>
      </c>
      <c r="J28" s="185">
        <v>414371</v>
      </c>
      <c r="K28" s="185">
        <v>82944</v>
      </c>
      <c r="L28" s="184">
        <v>266890</v>
      </c>
      <c r="M28" s="185">
        <v>228297</v>
      </c>
      <c r="N28" s="186">
        <v>38593</v>
      </c>
      <c r="O28" s="172" t="s">
        <v>106</v>
      </c>
    </row>
    <row r="29" spans="1:15" ht="13.5" customHeight="1" x14ac:dyDescent="0.15">
      <c r="A29" s="592"/>
      <c r="B29" s="167" t="s">
        <v>107</v>
      </c>
      <c r="C29" s="168" t="s">
        <v>18</v>
      </c>
      <c r="D29" s="187">
        <v>525553</v>
      </c>
      <c r="E29" s="188">
        <v>322546</v>
      </c>
      <c r="F29" s="188">
        <v>296477</v>
      </c>
      <c r="G29" s="188">
        <v>26069</v>
      </c>
      <c r="H29" s="188">
        <v>203007</v>
      </c>
      <c r="I29" s="187">
        <v>581908</v>
      </c>
      <c r="J29" s="188">
        <v>348058</v>
      </c>
      <c r="K29" s="188">
        <v>233850</v>
      </c>
      <c r="L29" s="187">
        <v>290369</v>
      </c>
      <c r="M29" s="188">
        <v>216077</v>
      </c>
      <c r="N29" s="189">
        <v>74292</v>
      </c>
      <c r="O29" s="167" t="s">
        <v>107</v>
      </c>
    </row>
    <row r="30" spans="1:15" ht="13.5" customHeight="1" x14ac:dyDescent="0.15">
      <c r="A30" s="592"/>
      <c r="B30" s="172" t="s">
        <v>108</v>
      </c>
      <c r="C30" s="177" t="s">
        <v>19</v>
      </c>
      <c r="D30" s="178">
        <v>576482</v>
      </c>
      <c r="E30" s="179">
        <v>293818</v>
      </c>
      <c r="F30" s="179">
        <v>256831</v>
      </c>
      <c r="G30" s="179">
        <v>36987</v>
      </c>
      <c r="H30" s="179">
        <v>282664</v>
      </c>
      <c r="I30" s="178">
        <v>740739</v>
      </c>
      <c r="J30" s="179">
        <v>351521</v>
      </c>
      <c r="K30" s="179">
        <v>389218</v>
      </c>
      <c r="L30" s="178">
        <v>236880</v>
      </c>
      <c r="M30" s="179">
        <v>174517</v>
      </c>
      <c r="N30" s="180">
        <v>62363</v>
      </c>
      <c r="O30" s="172" t="s">
        <v>108</v>
      </c>
    </row>
    <row r="31" spans="1:15" ht="13.5" customHeight="1" x14ac:dyDescent="0.15">
      <c r="A31" s="592"/>
      <c r="B31" s="167" t="s">
        <v>109</v>
      </c>
      <c r="C31" s="168" t="s">
        <v>20</v>
      </c>
      <c r="D31" s="181">
        <v>554218</v>
      </c>
      <c r="E31" s="182">
        <v>346813</v>
      </c>
      <c r="F31" s="182">
        <v>311889</v>
      </c>
      <c r="G31" s="182">
        <v>34924</v>
      </c>
      <c r="H31" s="182">
        <v>207405</v>
      </c>
      <c r="I31" s="181">
        <v>558328</v>
      </c>
      <c r="J31" s="182">
        <v>361900</v>
      </c>
      <c r="K31" s="182">
        <v>196428</v>
      </c>
      <c r="L31" s="181">
        <v>531143</v>
      </c>
      <c r="M31" s="182">
        <v>262098</v>
      </c>
      <c r="N31" s="183">
        <v>269045</v>
      </c>
      <c r="O31" s="167" t="s">
        <v>109</v>
      </c>
    </row>
    <row r="32" spans="1:15" ht="13.5" customHeight="1" x14ac:dyDescent="0.15">
      <c r="A32" s="592"/>
      <c r="B32" s="172" t="s">
        <v>110</v>
      </c>
      <c r="C32" s="177" t="s">
        <v>21</v>
      </c>
      <c r="D32" s="178">
        <v>910419</v>
      </c>
      <c r="E32" s="179">
        <v>455602</v>
      </c>
      <c r="F32" s="179">
        <v>406732</v>
      </c>
      <c r="G32" s="179">
        <v>48870</v>
      </c>
      <c r="H32" s="179">
        <v>454817</v>
      </c>
      <c r="I32" s="178">
        <v>983336</v>
      </c>
      <c r="J32" s="179">
        <v>481918</v>
      </c>
      <c r="K32" s="179">
        <v>501418</v>
      </c>
      <c r="L32" s="178">
        <v>594428</v>
      </c>
      <c r="M32" s="179">
        <v>341558</v>
      </c>
      <c r="N32" s="180">
        <v>252870</v>
      </c>
      <c r="O32" s="172" t="s">
        <v>110</v>
      </c>
    </row>
    <row r="33" spans="1:15" ht="13.5" customHeight="1" x14ac:dyDescent="0.15">
      <c r="A33" s="592"/>
      <c r="B33" s="167" t="s">
        <v>111</v>
      </c>
      <c r="C33" s="168" t="s">
        <v>22</v>
      </c>
      <c r="D33" s="181">
        <v>335825</v>
      </c>
      <c r="E33" s="182">
        <v>292250</v>
      </c>
      <c r="F33" s="182">
        <v>261495</v>
      </c>
      <c r="G33" s="182">
        <v>30755</v>
      </c>
      <c r="H33" s="182">
        <v>43575</v>
      </c>
      <c r="I33" s="181">
        <v>400462</v>
      </c>
      <c r="J33" s="182">
        <v>339425</v>
      </c>
      <c r="K33" s="182">
        <v>61037</v>
      </c>
      <c r="L33" s="181">
        <v>216831</v>
      </c>
      <c r="M33" s="182">
        <v>205403</v>
      </c>
      <c r="N33" s="183">
        <v>11428</v>
      </c>
      <c r="O33" s="167" t="s">
        <v>111</v>
      </c>
    </row>
    <row r="34" spans="1:15" ht="13.5" customHeight="1" x14ac:dyDescent="0.15">
      <c r="A34" s="592"/>
      <c r="B34" s="172" t="s">
        <v>112</v>
      </c>
      <c r="C34" s="177" t="s">
        <v>23</v>
      </c>
      <c r="D34" s="178">
        <v>997214</v>
      </c>
      <c r="E34" s="179">
        <v>393550</v>
      </c>
      <c r="F34" s="179">
        <v>367329</v>
      </c>
      <c r="G34" s="179">
        <v>26221</v>
      </c>
      <c r="H34" s="179">
        <v>603664</v>
      </c>
      <c r="I34" s="178">
        <v>1072242</v>
      </c>
      <c r="J34" s="179">
        <v>415699</v>
      </c>
      <c r="K34" s="179">
        <v>656543</v>
      </c>
      <c r="L34" s="178">
        <v>582696</v>
      </c>
      <c r="M34" s="179">
        <v>271183</v>
      </c>
      <c r="N34" s="180">
        <v>311513</v>
      </c>
      <c r="O34" s="172" t="s">
        <v>112</v>
      </c>
    </row>
    <row r="35" spans="1:15" ht="13.5" customHeight="1" x14ac:dyDescent="0.15">
      <c r="A35" s="592"/>
      <c r="B35" s="167" t="s">
        <v>113</v>
      </c>
      <c r="C35" s="168" t="s">
        <v>24</v>
      </c>
      <c r="D35" s="181">
        <v>688644</v>
      </c>
      <c r="E35" s="182">
        <v>391203</v>
      </c>
      <c r="F35" s="182">
        <v>370666</v>
      </c>
      <c r="G35" s="182">
        <v>20537</v>
      </c>
      <c r="H35" s="182">
        <v>297441</v>
      </c>
      <c r="I35" s="181">
        <v>735081</v>
      </c>
      <c r="J35" s="182">
        <v>420084</v>
      </c>
      <c r="K35" s="182">
        <v>314997</v>
      </c>
      <c r="L35" s="181">
        <v>549661</v>
      </c>
      <c r="M35" s="182">
        <v>304764</v>
      </c>
      <c r="N35" s="183">
        <v>244897</v>
      </c>
      <c r="O35" s="167" t="s">
        <v>113</v>
      </c>
    </row>
    <row r="36" spans="1:15" ht="13.5" customHeight="1" x14ac:dyDescent="0.15">
      <c r="A36" s="592"/>
      <c r="B36" s="172" t="s">
        <v>114</v>
      </c>
      <c r="C36" s="177" t="s">
        <v>25</v>
      </c>
      <c r="D36" s="178">
        <v>1042698</v>
      </c>
      <c r="E36" s="179">
        <v>393345</v>
      </c>
      <c r="F36" s="179">
        <v>334026</v>
      </c>
      <c r="G36" s="179">
        <v>59319</v>
      </c>
      <c r="H36" s="179">
        <v>649353</v>
      </c>
      <c r="I36" s="178">
        <v>1069549</v>
      </c>
      <c r="J36" s="179">
        <v>401208</v>
      </c>
      <c r="K36" s="179">
        <v>668341</v>
      </c>
      <c r="L36" s="178">
        <v>721944</v>
      </c>
      <c r="M36" s="179">
        <v>299408</v>
      </c>
      <c r="N36" s="180">
        <v>422536</v>
      </c>
      <c r="O36" s="172" t="s">
        <v>114</v>
      </c>
    </row>
    <row r="37" spans="1:15" ht="13.5" customHeight="1" x14ac:dyDescent="0.15">
      <c r="A37" s="592"/>
      <c r="B37" s="167" t="s">
        <v>115</v>
      </c>
      <c r="C37" s="168" t="s">
        <v>26</v>
      </c>
      <c r="D37" s="181">
        <v>1020931</v>
      </c>
      <c r="E37" s="182">
        <v>370900</v>
      </c>
      <c r="F37" s="182">
        <v>335318</v>
      </c>
      <c r="G37" s="182">
        <v>35582</v>
      </c>
      <c r="H37" s="182">
        <v>650031</v>
      </c>
      <c r="I37" s="181">
        <v>1099893</v>
      </c>
      <c r="J37" s="182">
        <v>393207</v>
      </c>
      <c r="K37" s="182">
        <v>706686</v>
      </c>
      <c r="L37" s="181">
        <v>699405</v>
      </c>
      <c r="M37" s="182">
        <v>280066</v>
      </c>
      <c r="N37" s="183">
        <v>419339</v>
      </c>
      <c r="O37" s="167" t="s">
        <v>115</v>
      </c>
    </row>
    <row r="38" spans="1:15" ht="13.5" customHeight="1" x14ac:dyDescent="0.15">
      <c r="A38" s="592"/>
      <c r="B38" s="172" t="s">
        <v>116</v>
      </c>
      <c r="C38" s="177" t="s">
        <v>27</v>
      </c>
      <c r="D38" s="178">
        <v>298951</v>
      </c>
      <c r="E38" s="179">
        <v>292967</v>
      </c>
      <c r="F38" s="179">
        <v>274940</v>
      </c>
      <c r="G38" s="179">
        <v>18027</v>
      </c>
      <c r="H38" s="179">
        <v>5984</v>
      </c>
      <c r="I38" s="178">
        <v>327060</v>
      </c>
      <c r="J38" s="179">
        <v>320631</v>
      </c>
      <c r="K38" s="179">
        <v>6429</v>
      </c>
      <c r="L38" s="178">
        <v>210414</v>
      </c>
      <c r="M38" s="179">
        <v>205829</v>
      </c>
      <c r="N38" s="180">
        <v>4585</v>
      </c>
      <c r="O38" s="172" t="s">
        <v>116</v>
      </c>
    </row>
    <row r="39" spans="1:15" ht="13.5" customHeight="1" x14ac:dyDescent="0.15">
      <c r="A39" s="592"/>
      <c r="B39" s="167" t="s">
        <v>117</v>
      </c>
      <c r="C39" s="168" t="s">
        <v>28</v>
      </c>
      <c r="D39" s="181">
        <v>916455</v>
      </c>
      <c r="E39" s="182">
        <v>409599</v>
      </c>
      <c r="F39" s="182">
        <v>380137</v>
      </c>
      <c r="G39" s="182">
        <v>29462</v>
      </c>
      <c r="H39" s="182">
        <v>506856</v>
      </c>
      <c r="I39" s="181">
        <v>969730</v>
      </c>
      <c r="J39" s="182">
        <v>436247</v>
      </c>
      <c r="K39" s="182">
        <v>533483</v>
      </c>
      <c r="L39" s="181">
        <v>663438</v>
      </c>
      <c r="M39" s="182">
        <v>283040</v>
      </c>
      <c r="N39" s="183">
        <v>380398</v>
      </c>
      <c r="O39" s="167" t="s">
        <v>117</v>
      </c>
    </row>
    <row r="40" spans="1:15" ht="13.5" customHeight="1" x14ac:dyDescent="0.15">
      <c r="A40" s="592"/>
      <c r="B40" s="172" t="s">
        <v>118</v>
      </c>
      <c r="C40" s="177" t="s">
        <v>29</v>
      </c>
      <c r="D40" s="178">
        <v>627611</v>
      </c>
      <c r="E40" s="179">
        <v>409279</v>
      </c>
      <c r="F40" s="179">
        <v>376564</v>
      </c>
      <c r="G40" s="179">
        <v>32715</v>
      </c>
      <c r="H40" s="179">
        <v>218332</v>
      </c>
      <c r="I40" s="178">
        <v>645483</v>
      </c>
      <c r="J40" s="179">
        <v>426428</v>
      </c>
      <c r="K40" s="179">
        <v>219055</v>
      </c>
      <c r="L40" s="178">
        <v>527670</v>
      </c>
      <c r="M40" s="179">
        <v>313383</v>
      </c>
      <c r="N40" s="180">
        <v>214287</v>
      </c>
      <c r="O40" s="172" t="s">
        <v>118</v>
      </c>
    </row>
    <row r="41" spans="1:15" ht="13.5" customHeight="1" x14ac:dyDescent="0.15">
      <c r="A41" s="592"/>
      <c r="B41" s="167" t="s">
        <v>119</v>
      </c>
      <c r="C41" s="168" t="s">
        <v>30</v>
      </c>
      <c r="D41" s="181">
        <v>770337</v>
      </c>
      <c r="E41" s="182">
        <v>395240</v>
      </c>
      <c r="F41" s="182">
        <v>362279</v>
      </c>
      <c r="G41" s="182">
        <v>32961</v>
      </c>
      <c r="H41" s="182">
        <v>375097</v>
      </c>
      <c r="I41" s="181">
        <v>846018</v>
      </c>
      <c r="J41" s="182">
        <v>427170</v>
      </c>
      <c r="K41" s="182">
        <v>418848</v>
      </c>
      <c r="L41" s="181">
        <v>506712</v>
      </c>
      <c r="M41" s="182">
        <v>284015</v>
      </c>
      <c r="N41" s="183">
        <v>222697</v>
      </c>
      <c r="O41" s="167" t="s">
        <v>119</v>
      </c>
    </row>
    <row r="42" spans="1:15" ht="13.5" customHeight="1" x14ac:dyDescent="0.15">
      <c r="A42" s="592"/>
      <c r="B42" s="172" t="s">
        <v>120</v>
      </c>
      <c r="C42" s="177" t="s">
        <v>31</v>
      </c>
      <c r="D42" s="178">
        <v>1801977</v>
      </c>
      <c r="E42" s="179">
        <v>901512</v>
      </c>
      <c r="F42" s="179">
        <v>834027</v>
      </c>
      <c r="G42" s="179">
        <v>67485</v>
      </c>
      <c r="H42" s="179">
        <v>900465</v>
      </c>
      <c r="I42" s="178">
        <v>2056227</v>
      </c>
      <c r="J42" s="179">
        <v>1027605</v>
      </c>
      <c r="K42" s="179">
        <v>1028622</v>
      </c>
      <c r="L42" s="178">
        <v>1009163</v>
      </c>
      <c r="M42" s="179">
        <v>508322</v>
      </c>
      <c r="N42" s="180">
        <v>500841</v>
      </c>
      <c r="O42" s="172" t="s">
        <v>120</v>
      </c>
    </row>
    <row r="43" spans="1:15" ht="13.5" customHeight="1" x14ac:dyDescent="0.15">
      <c r="A43" s="592"/>
      <c r="B43" s="167" t="s">
        <v>121</v>
      </c>
      <c r="C43" s="168" t="s">
        <v>32</v>
      </c>
      <c r="D43" s="181">
        <v>660788</v>
      </c>
      <c r="E43" s="182">
        <v>398083</v>
      </c>
      <c r="F43" s="182">
        <v>368454</v>
      </c>
      <c r="G43" s="182">
        <v>29629</v>
      </c>
      <c r="H43" s="182">
        <v>262705</v>
      </c>
      <c r="I43" s="181">
        <v>730287</v>
      </c>
      <c r="J43" s="182">
        <v>436629</v>
      </c>
      <c r="K43" s="182">
        <v>293658</v>
      </c>
      <c r="L43" s="181">
        <v>406321</v>
      </c>
      <c r="M43" s="182">
        <v>256952</v>
      </c>
      <c r="N43" s="183">
        <v>149369</v>
      </c>
      <c r="O43" s="167" t="s">
        <v>121</v>
      </c>
    </row>
    <row r="44" spans="1:15" ht="13.5" customHeight="1" x14ac:dyDescent="0.15">
      <c r="A44" s="592"/>
      <c r="B44" s="172" t="s">
        <v>122</v>
      </c>
      <c r="C44" s="177" t="s">
        <v>33</v>
      </c>
      <c r="D44" s="178">
        <v>1222908</v>
      </c>
      <c r="E44" s="179">
        <v>502918</v>
      </c>
      <c r="F44" s="179">
        <v>467822</v>
      </c>
      <c r="G44" s="179">
        <v>35096</v>
      </c>
      <c r="H44" s="179">
        <v>719990</v>
      </c>
      <c r="I44" s="178">
        <v>1280341</v>
      </c>
      <c r="J44" s="179">
        <v>527559</v>
      </c>
      <c r="K44" s="179">
        <v>752782</v>
      </c>
      <c r="L44" s="178">
        <v>935802</v>
      </c>
      <c r="M44" s="179">
        <v>379739</v>
      </c>
      <c r="N44" s="180">
        <v>556063</v>
      </c>
      <c r="O44" s="172" t="s">
        <v>122</v>
      </c>
    </row>
    <row r="45" spans="1:15" ht="13.5" customHeight="1" x14ac:dyDescent="0.15">
      <c r="A45" s="592"/>
      <c r="B45" s="167" t="s">
        <v>123</v>
      </c>
      <c r="C45" s="168" t="s">
        <v>34</v>
      </c>
      <c r="D45" s="181">
        <v>731652</v>
      </c>
      <c r="E45" s="182">
        <v>419726</v>
      </c>
      <c r="F45" s="182">
        <v>378333</v>
      </c>
      <c r="G45" s="182">
        <v>41393</v>
      </c>
      <c r="H45" s="182">
        <v>311926</v>
      </c>
      <c r="I45" s="181">
        <v>758411</v>
      </c>
      <c r="J45" s="182">
        <v>433174</v>
      </c>
      <c r="K45" s="182">
        <v>325237</v>
      </c>
      <c r="L45" s="181">
        <v>544911</v>
      </c>
      <c r="M45" s="182">
        <v>325876</v>
      </c>
      <c r="N45" s="183">
        <v>219035</v>
      </c>
      <c r="O45" s="167" t="s">
        <v>123</v>
      </c>
    </row>
    <row r="46" spans="1:15" ht="13.5" customHeight="1" x14ac:dyDescent="0.15">
      <c r="A46" s="592"/>
      <c r="B46" s="172" t="s">
        <v>124</v>
      </c>
      <c r="C46" s="177" t="s">
        <v>35</v>
      </c>
      <c r="D46" s="178">
        <v>393555</v>
      </c>
      <c r="E46" s="179">
        <v>346080</v>
      </c>
      <c r="F46" s="179">
        <v>329600</v>
      </c>
      <c r="G46" s="179">
        <v>16480</v>
      </c>
      <c r="H46" s="179">
        <v>47475</v>
      </c>
      <c r="I46" s="178">
        <v>469250</v>
      </c>
      <c r="J46" s="179">
        <v>405853</v>
      </c>
      <c r="K46" s="179">
        <v>63397</v>
      </c>
      <c r="L46" s="178">
        <v>308624</v>
      </c>
      <c r="M46" s="179">
        <v>279013</v>
      </c>
      <c r="N46" s="180">
        <v>29611</v>
      </c>
      <c r="O46" s="172" t="s">
        <v>124</v>
      </c>
    </row>
    <row r="47" spans="1:15" ht="7.5" customHeight="1" x14ac:dyDescent="0.15">
      <c r="A47" s="592"/>
      <c r="B47" s="172"/>
      <c r="C47" s="177"/>
      <c r="D47" s="178"/>
      <c r="E47" s="179"/>
      <c r="F47" s="179"/>
      <c r="G47" s="179"/>
      <c r="H47" s="179"/>
      <c r="I47" s="178"/>
      <c r="J47" s="179"/>
      <c r="K47" s="179"/>
      <c r="L47" s="178"/>
      <c r="M47" s="179"/>
      <c r="N47" s="180"/>
      <c r="O47" s="172"/>
    </row>
    <row r="48" spans="1:15" ht="13.5" customHeight="1" thickBot="1" x14ac:dyDescent="0.2">
      <c r="A48" s="592"/>
      <c r="B48" s="190" t="s">
        <v>125</v>
      </c>
      <c r="C48" s="191" t="s">
        <v>36</v>
      </c>
      <c r="D48" s="192">
        <v>438243</v>
      </c>
      <c r="E48" s="193">
        <v>299104</v>
      </c>
      <c r="F48" s="193">
        <v>277966</v>
      </c>
      <c r="G48" s="193">
        <v>21138</v>
      </c>
      <c r="H48" s="193">
        <v>139139</v>
      </c>
      <c r="I48" s="192">
        <v>613419</v>
      </c>
      <c r="J48" s="193">
        <v>421269</v>
      </c>
      <c r="K48" s="193">
        <v>192150</v>
      </c>
      <c r="L48" s="192">
        <v>386926</v>
      </c>
      <c r="M48" s="193">
        <v>263317</v>
      </c>
      <c r="N48" s="194">
        <v>123609</v>
      </c>
      <c r="O48" s="190" t="s">
        <v>125</v>
      </c>
    </row>
    <row r="49" spans="1:3" ht="14.25" customHeight="1" x14ac:dyDescent="0.15">
      <c r="A49" s="148"/>
      <c r="B49" s="195"/>
      <c r="C49" s="196"/>
    </row>
    <row r="50" spans="1:3" ht="14.25" customHeight="1" x14ac:dyDescent="0.15">
      <c r="A50" s="148"/>
      <c r="B50" s="195"/>
    </row>
    <row r="51" spans="1:3" ht="14.25" customHeight="1" x14ac:dyDescent="0.15">
      <c r="A51" s="199"/>
    </row>
  </sheetData>
  <mergeCells count="20">
    <mergeCell ref="A1:A48"/>
    <mergeCell ref="B1:O1"/>
    <mergeCell ref="B2:G2"/>
    <mergeCell ref="N2:O2"/>
    <mergeCell ref="B3:C8"/>
    <mergeCell ref="E3:G4"/>
    <mergeCell ref="M6:M8"/>
    <mergeCell ref="N6:N8"/>
    <mergeCell ref="F7:F8"/>
    <mergeCell ref="G7:G8"/>
    <mergeCell ref="I5:I8"/>
    <mergeCell ref="L5:L8"/>
    <mergeCell ref="J3:J4"/>
    <mergeCell ref="M3:M4"/>
    <mergeCell ref="O3:O8"/>
    <mergeCell ref="D5:D8"/>
    <mergeCell ref="E6:E8"/>
    <mergeCell ref="H6:H8"/>
    <mergeCell ref="J6:J8"/>
    <mergeCell ref="K6:K8"/>
  </mergeCells>
  <phoneticPr fontId="3"/>
  <printOptions horizontalCentered="1"/>
  <pageMargins left="0.59055118110236227" right="0.59055118110236227" top="0.39370078740157483" bottom="0.59055118110236227" header="0" footer="0.19685039370078741"/>
  <pageSetup paperSize="9" scale="94" orientation="landscape" errors="blank" r:id="rId1"/>
  <headerFooter alignWithMargins="0"/>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9">
    <tabColor indexed="52"/>
  </sheetPr>
  <dimension ref="A1:P49"/>
  <sheetViews>
    <sheetView view="pageBreakPreview" zoomScale="110" zoomScaleNormal="80" zoomScaleSheetLayoutView="110" workbookViewId="0">
      <selection sqref="A1:A48"/>
    </sheetView>
  </sheetViews>
  <sheetFormatPr defaultRowHeight="13.5" x14ac:dyDescent="0.15"/>
  <cols>
    <col min="1" max="1" width="5" style="198" customWidth="1"/>
    <col min="2" max="2" width="6.625" style="200" customWidth="1"/>
    <col min="3" max="3" width="22.5" style="198" customWidth="1"/>
    <col min="4" max="4" width="9.375" style="197" customWidth="1"/>
    <col min="5" max="14" width="9.375" style="198" customWidth="1"/>
    <col min="15" max="15" width="6.625" style="198" customWidth="1"/>
    <col min="16" max="16384" width="9" style="1"/>
  </cols>
  <sheetData>
    <row r="1" spans="1:16" ht="22.5" customHeight="1" x14ac:dyDescent="0.15">
      <c r="A1" s="592" t="s">
        <v>126</v>
      </c>
      <c r="B1" s="593" t="s">
        <v>127</v>
      </c>
      <c r="C1" s="601"/>
      <c r="D1" s="601"/>
      <c r="E1" s="601"/>
      <c r="F1" s="601"/>
      <c r="G1" s="601"/>
      <c r="H1" s="601"/>
      <c r="I1" s="601"/>
      <c r="J1" s="601"/>
      <c r="K1" s="601"/>
      <c r="L1" s="601"/>
      <c r="M1" s="601"/>
      <c r="N1" s="601"/>
      <c r="O1" s="601"/>
      <c r="P1" s="10"/>
    </row>
    <row r="2" spans="1:16" ht="11.25" customHeight="1" thickBot="1" x14ac:dyDescent="0.2">
      <c r="A2" s="592"/>
      <c r="B2" s="594" t="s">
        <v>128</v>
      </c>
      <c r="C2" s="594"/>
      <c r="D2" s="594"/>
      <c r="E2" s="594"/>
      <c r="F2" s="594"/>
      <c r="G2" s="594"/>
      <c r="H2" s="93"/>
      <c r="I2" s="93"/>
      <c r="J2" s="93"/>
      <c r="K2" s="93"/>
      <c r="L2" s="93"/>
      <c r="M2" s="93"/>
      <c r="N2" s="595" t="s">
        <v>78</v>
      </c>
      <c r="O2" s="595"/>
      <c r="P2" s="10"/>
    </row>
    <row r="3" spans="1:16" ht="7.5" customHeight="1" x14ac:dyDescent="0.15">
      <c r="A3" s="592"/>
      <c r="B3" s="525" t="s">
        <v>79</v>
      </c>
      <c r="C3" s="552"/>
      <c r="D3" s="151"/>
      <c r="E3" s="525" t="s">
        <v>80</v>
      </c>
      <c r="F3" s="596"/>
      <c r="G3" s="596"/>
      <c r="H3" s="153"/>
      <c r="I3" s="152"/>
      <c r="J3" s="583" t="s">
        <v>81</v>
      </c>
      <c r="K3" s="154"/>
      <c r="L3" s="155"/>
      <c r="M3" s="583" t="s">
        <v>82</v>
      </c>
      <c r="N3" s="154"/>
      <c r="O3" s="524" t="s">
        <v>83</v>
      </c>
    </row>
    <row r="4" spans="1:16" ht="7.5" customHeight="1" x14ac:dyDescent="0.15">
      <c r="A4" s="592"/>
      <c r="B4" s="527"/>
      <c r="C4" s="553"/>
      <c r="D4" s="156"/>
      <c r="E4" s="597"/>
      <c r="F4" s="597"/>
      <c r="G4" s="597"/>
      <c r="H4" s="157"/>
      <c r="I4" s="158"/>
      <c r="J4" s="584"/>
      <c r="K4" s="157"/>
      <c r="L4" s="159"/>
      <c r="M4" s="584"/>
      <c r="N4" s="157"/>
      <c r="O4" s="526"/>
    </row>
    <row r="5" spans="1:16" ht="7.5" customHeight="1" x14ac:dyDescent="0.15">
      <c r="A5" s="592"/>
      <c r="B5" s="527"/>
      <c r="C5" s="553"/>
      <c r="D5" s="585" t="s">
        <v>41</v>
      </c>
      <c r="E5" s="160"/>
      <c r="F5" s="160"/>
      <c r="G5" s="160"/>
      <c r="H5" s="161"/>
      <c r="I5" s="585" t="s">
        <v>41</v>
      </c>
      <c r="J5" s="162"/>
      <c r="K5" s="163"/>
      <c r="L5" s="585" t="s">
        <v>41</v>
      </c>
      <c r="M5" s="162"/>
      <c r="N5" s="163"/>
      <c r="O5" s="526"/>
    </row>
    <row r="6" spans="1:16" ht="7.5" customHeight="1" x14ac:dyDescent="0.15">
      <c r="A6" s="592"/>
      <c r="B6" s="527"/>
      <c r="C6" s="553"/>
      <c r="D6" s="586"/>
      <c r="E6" s="588" t="s">
        <v>84</v>
      </c>
      <c r="F6" s="160"/>
      <c r="G6" s="164"/>
      <c r="H6" s="590" t="s">
        <v>85</v>
      </c>
      <c r="I6" s="586"/>
      <c r="J6" s="588" t="s">
        <v>84</v>
      </c>
      <c r="K6" s="590" t="s">
        <v>85</v>
      </c>
      <c r="L6" s="586"/>
      <c r="M6" s="588" t="s">
        <v>84</v>
      </c>
      <c r="N6" s="590" t="s">
        <v>85</v>
      </c>
      <c r="O6" s="526"/>
    </row>
    <row r="7" spans="1:16" ht="7.5" customHeight="1" x14ac:dyDescent="0.15">
      <c r="A7" s="592"/>
      <c r="B7" s="527"/>
      <c r="C7" s="553"/>
      <c r="D7" s="586"/>
      <c r="E7" s="589"/>
      <c r="F7" s="598" t="s">
        <v>86</v>
      </c>
      <c r="G7" s="598" t="s">
        <v>87</v>
      </c>
      <c r="H7" s="591"/>
      <c r="I7" s="586"/>
      <c r="J7" s="589"/>
      <c r="K7" s="591"/>
      <c r="L7" s="586"/>
      <c r="M7" s="589"/>
      <c r="N7" s="591"/>
      <c r="O7" s="526"/>
    </row>
    <row r="8" spans="1:16" ht="7.5" customHeight="1" x14ac:dyDescent="0.15">
      <c r="A8" s="592"/>
      <c r="B8" s="554"/>
      <c r="C8" s="555"/>
      <c r="D8" s="587"/>
      <c r="E8" s="589"/>
      <c r="F8" s="599"/>
      <c r="G8" s="599"/>
      <c r="H8" s="591"/>
      <c r="I8" s="587"/>
      <c r="J8" s="589"/>
      <c r="K8" s="591"/>
      <c r="L8" s="587"/>
      <c r="M8" s="589"/>
      <c r="N8" s="591"/>
      <c r="O8" s="600"/>
    </row>
    <row r="9" spans="1:16" ht="13.5" customHeight="1" x14ac:dyDescent="0.15">
      <c r="A9" s="592"/>
      <c r="B9" s="167" t="s">
        <v>88</v>
      </c>
      <c r="C9" s="168" t="s">
        <v>89</v>
      </c>
      <c r="D9" s="202">
        <v>576562</v>
      </c>
      <c r="E9" s="203">
        <v>310840</v>
      </c>
      <c r="F9" s="203">
        <v>286729</v>
      </c>
      <c r="G9" s="203">
        <v>24111</v>
      </c>
      <c r="H9" s="203">
        <v>265722</v>
      </c>
      <c r="I9" s="202">
        <v>743746</v>
      </c>
      <c r="J9" s="203">
        <v>383319</v>
      </c>
      <c r="K9" s="203">
        <v>360427</v>
      </c>
      <c r="L9" s="202">
        <v>363305</v>
      </c>
      <c r="M9" s="203">
        <v>218388</v>
      </c>
      <c r="N9" s="204">
        <v>144917</v>
      </c>
      <c r="O9" s="167" t="s">
        <v>88</v>
      </c>
    </row>
    <row r="10" spans="1:16" ht="7.5" customHeight="1" x14ac:dyDescent="0.15">
      <c r="A10" s="592"/>
      <c r="B10" s="172"/>
      <c r="C10" s="173"/>
      <c r="D10" s="205"/>
      <c r="E10" s="206"/>
      <c r="F10" s="206"/>
      <c r="G10" s="206"/>
      <c r="H10" s="206"/>
      <c r="I10" s="205"/>
      <c r="J10" s="206"/>
      <c r="K10" s="206"/>
      <c r="L10" s="205"/>
      <c r="M10" s="206"/>
      <c r="N10" s="207"/>
      <c r="O10" s="172"/>
    </row>
    <row r="11" spans="1:16" ht="13.5" customHeight="1" x14ac:dyDescent="0.15">
      <c r="A11" s="592"/>
      <c r="B11" s="172" t="s">
        <v>90</v>
      </c>
      <c r="C11" s="177" t="s">
        <v>1</v>
      </c>
      <c r="D11" s="184">
        <v>850346</v>
      </c>
      <c r="E11" s="185">
        <v>402598</v>
      </c>
      <c r="F11" s="185">
        <v>360535</v>
      </c>
      <c r="G11" s="185">
        <v>42063</v>
      </c>
      <c r="H11" s="185">
        <v>447748</v>
      </c>
      <c r="I11" s="184">
        <v>901461</v>
      </c>
      <c r="J11" s="185">
        <v>419852</v>
      </c>
      <c r="K11" s="185">
        <v>481609</v>
      </c>
      <c r="L11" s="184">
        <v>527116</v>
      </c>
      <c r="M11" s="185">
        <v>293490</v>
      </c>
      <c r="N11" s="186">
        <v>233626</v>
      </c>
      <c r="O11" s="172" t="s">
        <v>90</v>
      </c>
    </row>
    <row r="12" spans="1:16" ht="13.5" customHeight="1" x14ac:dyDescent="0.15">
      <c r="A12" s="592"/>
      <c r="B12" s="167" t="s">
        <v>91</v>
      </c>
      <c r="C12" s="168" t="s">
        <v>2</v>
      </c>
      <c r="D12" s="187">
        <v>807879</v>
      </c>
      <c r="E12" s="188">
        <v>417194</v>
      </c>
      <c r="F12" s="188">
        <v>378829</v>
      </c>
      <c r="G12" s="188">
        <v>38365</v>
      </c>
      <c r="H12" s="188">
        <v>390685</v>
      </c>
      <c r="I12" s="187">
        <v>907897</v>
      </c>
      <c r="J12" s="188">
        <v>461005</v>
      </c>
      <c r="K12" s="188">
        <v>446892</v>
      </c>
      <c r="L12" s="187">
        <v>488200</v>
      </c>
      <c r="M12" s="188">
        <v>277163</v>
      </c>
      <c r="N12" s="189">
        <v>211037</v>
      </c>
      <c r="O12" s="167" t="s">
        <v>91</v>
      </c>
    </row>
    <row r="13" spans="1:16" ht="13.5" customHeight="1" x14ac:dyDescent="0.15">
      <c r="A13" s="592"/>
      <c r="B13" s="172" t="s">
        <v>92</v>
      </c>
      <c r="C13" s="177" t="s">
        <v>3</v>
      </c>
      <c r="D13" s="184">
        <v>880254</v>
      </c>
      <c r="E13" s="185">
        <v>442471</v>
      </c>
      <c r="F13" s="185">
        <v>391012</v>
      </c>
      <c r="G13" s="185">
        <v>51459</v>
      </c>
      <c r="H13" s="185">
        <v>437783</v>
      </c>
      <c r="I13" s="184">
        <v>907838</v>
      </c>
      <c r="J13" s="185">
        <v>459160</v>
      </c>
      <c r="K13" s="185">
        <v>448678</v>
      </c>
      <c r="L13" s="184">
        <v>662468</v>
      </c>
      <c r="M13" s="185">
        <v>310708</v>
      </c>
      <c r="N13" s="186">
        <v>351760</v>
      </c>
      <c r="O13" s="172" t="s">
        <v>92</v>
      </c>
    </row>
    <row r="14" spans="1:16" ht="13.5" customHeight="1" x14ac:dyDescent="0.15">
      <c r="A14" s="592"/>
      <c r="B14" s="167" t="s">
        <v>93</v>
      </c>
      <c r="C14" s="168" t="s">
        <v>4</v>
      </c>
      <c r="D14" s="187">
        <v>1128576</v>
      </c>
      <c r="E14" s="188">
        <v>409712</v>
      </c>
      <c r="F14" s="188">
        <v>377896</v>
      </c>
      <c r="G14" s="188">
        <v>31816</v>
      </c>
      <c r="H14" s="188">
        <v>718864</v>
      </c>
      <c r="I14" s="187">
        <v>1250600</v>
      </c>
      <c r="J14" s="188">
        <v>443050</v>
      </c>
      <c r="K14" s="188">
        <v>807550</v>
      </c>
      <c r="L14" s="187">
        <v>752665</v>
      </c>
      <c r="M14" s="188">
        <v>307011</v>
      </c>
      <c r="N14" s="189">
        <v>445654</v>
      </c>
      <c r="O14" s="167" t="s">
        <v>93</v>
      </c>
    </row>
    <row r="15" spans="1:16" ht="13.5" customHeight="1" x14ac:dyDescent="0.15">
      <c r="A15" s="592"/>
      <c r="B15" s="172" t="s">
        <v>94</v>
      </c>
      <c r="C15" s="177" t="s">
        <v>5</v>
      </c>
      <c r="D15" s="184">
        <v>476606</v>
      </c>
      <c r="E15" s="185">
        <v>311102</v>
      </c>
      <c r="F15" s="185">
        <v>259819</v>
      </c>
      <c r="G15" s="185">
        <v>51283</v>
      </c>
      <c r="H15" s="185">
        <v>165504</v>
      </c>
      <c r="I15" s="184">
        <v>529710</v>
      </c>
      <c r="J15" s="185">
        <v>342684</v>
      </c>
      <c r="K15" s="185">
        <v>187026</v>
      </c>
      <c r="L15" s="184">
        <v>314170</v>
      </c>
      <c r="M15" s="185">
        <v>214497</v>
      </c>
      <c r="N15" s="186">
        <v>99673</v>
      </c>
      <c r="O15" s="172" t="s">
        <v>94</v>
      </c>
    </row>
    <row r="16" spans="1:16" ht="13.5" customHeight="1" x14ac:dyDescent="0.15">
      <c r="A16" s="592"/>
      <c r="B16" s="167" t="s">
        <v>95</v>
      </c>
      <c r="C16" s="168" t="s">
        <v>6</v>
      </c>
      <c r="D16" s="187">
        <v>379579</v>
      </c>
      <c r="E16" s="188">
        <v>257639</v>
      </c>
      <c r="F16" s="188">
        <v>241418</v>
      </c>
      <c r="G16" s="188">
        <v>16221</v>
      </c>
      <c r="H16" s="188">
        <v>121940</v>
      </c>
      <c r="I16" s="187">
        <v>588046</v>
      </c>
      <c r="J16" s="188">
        <v>360020</v>
      </c>
      <c r="K16" s="188">
        <v>228026</v>
      </c>
      <c r="L16" s="187">
        <v>200039</v>
      </c>
      <c r="M16" s="188">
        <v>169464</v>
      </c>
      <c r="N16" s="189">
        <v>30575</v>
      </c>
      <c r="O16" s="167" t="s">
        <v>95</v>
      </c>
    </row>
    <row r="17" spans="1:15" ht="13.5" customHeight="1" x14ac:dyDescent="0.15">
      <c r="A17" s="592"/>
      <c r="B17" s="172" t="s">
        <v>96</v>
      </c>
      <c r="C17" s="177" t="s">
        <v>7</v>
      </c>
      <c r="D17" s="184">
        <v>704020</v>
      </c>
      <c r="E17" s="185">
        <v>320443</v>
      </c>
      <c r="F17" s="185">
        <v>291247</v>
      </c>
      <c r="G17" s="185">
        <v>29196</v>
      </c>
      <c r="H17" s="185">
        <v>383577</v>
      </c>
      <c r="I17" s="184">
        <v>1363974</v>
      </c>
      <c r="J17" s="185">
        <v>523307</v>
      </c>
      <c r="K17" s="185">
        <v>840667</v>
      </c>
      <c r="L17" s="184">
        <v>545122</v>
      </c>
      <c r="M17" s="185">
        <v>271600</v>
      </c>
      <c r="N17" s="186">
        <v>273522</v>
      </c>
      <c r="O17" s="172" t="s">
        <v>96</v>
      </c>
    </row>
    <row r="18" spans="1:15" ht="13.5" customHeight="1" x14ac:dyDescent="0.15">
      <c r="A18" s="592"/>
      <c r="B18" s="167" t="s">
        <v>97</v>
      </c>
      <c r="C18" s="168" t="s">
        <v>8</v>
      </c>
      <c r="D18" s="187">
        <v>585365</v>
      </c>
      <c r="E18" s="188">
        <v>332404</v>
      </c>
      <c r="F18" s="188">
        <v>305542</v>
      </c>
      <c r="G18" s="188">
        <v>26862</v>
      </c>
      <c r="H18" s="188">
        <v>252961</v>
      </c>
      <c r="I18" s="187">
        <v>716079</v>
      </c>
      <c r="J18" s="188">
        <v>400224</v>
      </c>
      <c r="K18" s="188">
        <v>315855</v>
      </c>
      <c r="L18" s="187">
        <v>405977</v>
      </c>
      <c r="M18" s="188">
        <v>239330</v>
      </c>
      <c r="N18" s="189">
        <v>166647</v>
      </c>
      <c r="O18" s="167" t="s">
        <v>97</v>
      </c>
    </row>
    <row r="19" spans="1:15" ht="13.5" customHeight="1" x14ac:dyDescent="0.15">
      <c r="A19" s="592"/>
      <c r="B19" s="172" t="s">
        <v>98</v>
      </c>
      <c r="C19" s="177" t="s">
        <v>9</v>
      </c>
      <c r="D19" s="184">
        <v>1227491</v>
      </c>
      <c r="E19" s="185">
        <v>502925</v>
      </c>
      <c r="F19" s="185">
        <v>465997</v>
      </c>
      <c r="G19" s="185">
        <v>36928</v>
      </c>
      <c r="H19" s="185">
        <v>724566</v>
      </c>
      <c r="I19" s="184">
        <v>1293849</v>
      </c>
      <c r="J19" s="185">
        <v>526336</v>
      </c>
      <c r="K19" s="185">
        <v>767513</v>
      </c>
      <c r="L19" s="184">
        <v>906470</v>
      </c>
      <c r="M19" s="185">
        <v>389671</v>
      </c>
      <c r="N19" s="186">
        <v>516799</v>
      </c>
      <c r="O19" s="172" t="s">
        <v>98</v>
      </c>
    </row>
    <row r="20" spans="1:15" ht="13.5" customHeight="1" x14ac:dyDescent="0.15">
      <c r="A20" s="592"/>
      <c r="B20" s="167" t="s">
        <v>99</v>
      </c>
      <c r="C20" s="168" t="s">
        <v>10</v>
      </c>
      <c r="D20" s="187">
        <v>206488</v>
      </c>
      <c r="E20" s="188">
        <v>182915</v>
      </c>
      <c r="F20" s="188">
        <v>172366</v>
      </c>
      <c r="G20" s="188">
        <v>10549</v>
      </c>
      <c r="H20" s="188">
        <v>23573</v>
      </c>
      <c r="I20" s="187">
        <v>295942</v>
      </c>
      <c r="J20" s="188">
        <v>255064</v>
      </c>
      <c r="K20" s="188">
        <v>40878</v>
      </c>
      <c r="L20" s="187">
        <v>140073</v>
      </c>
      <c r="M20" s="188">
        <v>129348</v>
      </c>
      <c r="N20" s="189">
        <v>10725</v>
      </c>
      <c r="O20" s="167" t="s">
        <v>99</v>
      </c>
    </row>
    <row r="21" spans="1:15" ht="13.5" customHeight="1" x14ac:dyDescent="0.15">
      <c r="A21" s="592"/>
      <c r="B21" s="172" t="s">
        <v>100</v>
      </c>
      <c r="C21" s="177" t="s">
        <v>11</v>
      </c>
      <c r="D21" s="184">
        <v>206337</v>
      </c>
      <c r="E21" s="185">
        <v>193997</v>
      </c>
      <c r="F21" s="185">
        <v>185477</v>
      </c>
      <c r="G21" s="185">
        <v>8520</v>
      </c>
      <c r="H21" s="185">
        <v>12340</v>
      </c>
      <c r="I21" s="184">
        <v>261418</v>
      </c>
      <c r="J21" s="185">
        <v>245430</v>
      </c>
      <c r="K21" s="185">
        <v>15988</v>
      </c>
      <c r="L21" s="184">
        <v>160053</v>
      </c>
      <c r="M21" s="185">
        <v>150779</v>
      </c>
      <c r="N21" s="186">
        <v>9274</v>
      </c>
      <c r="O21" s="172" t="s">
        <v>100</v>
      </c>
    </row>
    <row r="22" spans="1:15" ht="13.5" customHeight="1" x14ac:dyDescent="0.15">
      <c r="A22" s="592"/>
      <c r="B22" s="167" t="s">
        <v>101</v>
      </c>
      <c r="C22" s="168" t="s">
        <v>12</v>
      </c>
      <c r="D22" s="187">
        <v>801240</v>
      </c>
      <c r="E22" s="188">
        <v>301627</v>
      </c>
      <c r="F22" s="188">
        <v>298010</v>
      </c>
      <c r="G22" s="188">
        <v>3617</v>
      </c>
      <c r="H22" s="188">
        <v>499613</v>
      </c>
      <c r="I22" s="187">
        <v>887148</v>
      </c>
      <c r="J22" s="188">
        <v>329808</v>
      </c>
      <c r="K22" s="188">
        <v>557340</v>
      </c>
      <c r="L22" s="187">
        <v>721346</v>
      </c>
      <c r="M22" s="188">
        <v>275419</v>
      </c>
      <c r="N22" s="189">
        <v>445927</v>
      </c>
      <c r="O22" s="167" t="s">
        <v>101</v>
      </c>
    </row>
    <row r="23" spans="1:15" ht="13.5" customHeight="1" x14ac:dyDescent="0.15">
      <c r="A23" s="592"/>
      <c r="B23" s="172" t="s">
        <v>102</v>
      </c>
      <c r="C23" s="177" t="s">
        <v>13</v>
      </c>
      <c r="D23" s="184">
        <v>446345</v>
      </c>
      <c r="E23" s="185">
        <v>281756</v>
      </c>
      <c r="F23" s="185">
        <v>264275</v>
      </c>
      <c r="G23" s="185">
        <v>17481</v>
      </c>
      <c r="H23" s="185">
        <v>164589</v>
      </c>
      <c r="I23" s="184">
        <v>573660</v>
      </c>
      <c r="J23" s="185">
        <v>362729</v>
      </c>
      <c r="K23" s="185">
        <v>210931</v>
      </c>
      <c r="L23" s="184">
        <v>391916</v>
      </c>
      <c r="M23" s="185">
        <v>247139</v>
      </c>
      <c r="N23" s="186">
        <v>144777</v>
      </c>
      <c r="O23" s="172" t="s">
        <v>102</v>
      </c>
    </row>
    <row r="24" spans="1:15" ht="13.5" customHeight="1" x14ac:dyDescent="0.15">
      <c r="A24" s="592"/>
      <c r="B24" s="167" t="s">
        <v>103</v>
      </c>
      <c r="C24" s="168" t="s">
        <v>14</v>
      </c>
      <c r="D24" s="187">
        <v>585206</v>
      </c>
      <c r="E24" s="188">
        <v>313679</v>
      </c>
      <c r="F24" s="188">
        <v>282858</v>
      </c>
      <c r="G24" s="188">
        <v>30821</v>
      </c>
      <c r="H24" s="188">
        <v>271527</v>
      </c>
      <c r="I24" s="187">
        <v>698450</v>
      </c>
      <c r="J24" s="188">
        <v>347953</v>
      </c>
      <c r="K24" s="188">
        <v>350497</v>
      </c>
      <c r="L24" s="187">
        <v>343908</v>
      </c>
      <c r="M24" s="188">
        <v>240650</v>
      </c>
      <c r="N24" s="189">
        <v>103258</v>
      </c>
      <c r="O24" s="167" t="s">
        <v>103</v>
      </c>
    </row>
    <row r="25" spans="1:15" ht="13.5" customHeight="1" x14ac:dyDescent="0.15">
      <c r="A25" s="592"/>
      <c r="B25" s="172" t="s">
        <v>104</v>
      </c>
      <c r="C25" s="177" t="s">
        <v>15</v>
      </c>
      <c r="D25" s="184">
        <v>323303</v>
      </c>
      <c r="E25" s="185">
        <v>222316</v>
      </c>
      <c r="F25" s="185">
        <v>207118</v>
      </c>
      <c r="G25" s="185">
        <v>15198</v>
      </c>
      <c r="H25" s="185">
        <v>100987</v>
      </c>
      <c r="I25" s="184">
        <v>409130</v>
      </c>
      <c r="J25" s="185">
        <v>269677</v>
      </c>
      <c r="K25" s="185">
        <v>139453</v>
      </c>
      <c r="L25" s="184">
        <v>213279</v>
      </c>
      <c r="M25" s="185">
        <v>161602</v>
      </c>
      <c r="N25" s="186">
        <v>51677</v>
      </c>
      <c r="O25" s="172" t="s">
        <v>104</v>
      </c>
    </row>
    <row r="26" spans="1:15" ht="7.5" customHeight="1" x14ac:dyDescent="0.15">
      <c r="A26" s="592"/>
      <c r="B26" s="172"/>
      <c r="C26" s="177"/>
      <c r="D26" s="184"/>
      <c r="E26" s="185"/>
      <c r="F26" s="185"/>
      <c r="G26" s="185"/>
      <c r="H26" s="185"/>
      <c r="I26" s="184"/>
      <c r="J26" s="185"/>
      <c r="K26" s="185"/>
      <c r="L26" s="184"/>
      <c r="M26" s="185"/>
      <c r="N26" s="186"/>
      <c r="O26" s="172"/>
    </row>
    <row r="27" spans="1:15" ht="13.5" customHeight="1" x14ac:dyDescent="0.15">
      <c r="A27" s="592"/>
      <c r="B27" s="167" t="s">
        <v>105</v>
      </c>
      <c r="C27" s="168" t="s">
        <v>16</v>
      </c>
      <c r="D27" s="187">
        <v>398696</v>
      </c>
      <c r="E27" s="188">
        <v>243576</v>
      </c>
      <c r="F27" s="188">
        <v>212836</v>
      </c>
      <c r="G27" s="188">
        <v>30740</v>
      </c>
      <c r="H27" s="188">
        <v>155120</v>
      </c>
      <c r="I27" s="187">
        <v>569623</v>
      </c>
      <c r="J27" s="188">
        <v>305601</v>
      </c>
      <c r="K27" s="188">
        <v>264022</v>
      </c>
      <c r="L27" s="187">
        <v>274519</v>
      </c>
      <c r="M27" s="188">
        <v>198515</v>
      </c>
      <c r="N27" s="189">
        <v>76004</v>
      </c>
      <c r="O27" s="167" t="s">
        <v>105</v>
      </c>
    </row>
    <row r="28" spans="1:15" ht="13.5" customHeight="1" x14ac:dyDescent="0.15">
      <c r="A28" s="592"/>
      <c r="B28" s="172" t="s">
        <v>106</v>
      </c>
      <c r="C28" s="177" t="s">
        <v>17</v>
      </c>
      <c r="D28" s="184">
        <v>378584</v>
      </c>
      <c r="E28" s="185">
        <v>318493</v>
      </c>
      <c r="F28" s="185">
        <v>310798</v>
      </c>
      <c r="G28" s="185">
        <v>7695</v>
      </c>
      <c r="H28" s="185">
        <v>60091</v>
      </c>
      <c r="I28" s="184">
        <v>497315</v>
      </c>
      <c r="J28" s="185">
        <v>414371</v>
      </c>
      <c r="K28" s="185">
        <v>82944</v>
      </c>
      <c r="L28" s="184">
        <v>266890</v>
      </c>
      <c r="M28" s="185">
        <v>228297</v>
      </c>
      <c r="N28" s="186">
        <v>38593</v>
      </c>
      <c r="O28" s="172" t="s">
        <v>106</v>
      </c>
    </row>
    <row r="29" spans="1:15" ht="13.5" customHeight="1" x14ac:dyDescent="0.15">
      <c r="A29" s="592"/>
      <c r="B29" s="167" t="s">
        <v>107</v>
      </c>
      <c r="C29" s="168" t="s">
        <v>18</v>
      </c>
      <c r="D29" s="187">
        <v>593636</v>
      </c>
      <c r="E29" s="188">
        <v>331943</v>
      </c>
      <c r="F29" s="188">
        <v>299402</v>
      </c>
      <c r="G29" s="188">
        <v>32541</v>
      </c>
      <c r="H29" s="188">
        <v>261693</v>
      </c>
      <c r="I29" s="187">
        <v>679865</v>
      </c>
      <c r="J29" s="188">
        <v>365638</v>
      </c>
      <c r="K29" s="188">
        <v>314227</v>
      </c>
      <c r="L29" s="187">
        <v>298486</v>
      </c>
      <c r="M29" s="188">
        <v>216608</v>
      </c>
      <c r="N29" s="189">
        <v>81878</v>
      </c>
      <c r="O29" s="167" t="s">
        <v>107</v>
      </c>
    </row>
    <row r="30" spans="1:15" ht="13.5" customHeight="1" x14ac:dyDescent="0.15">
      <c r="A30" s="592"/>
      <c r="B30" s="172" t="s">
        <v>108</v>
      </c>
      <c r="C30" s="177" t="s">
        <v>19</v>
      </c>
      <c r="D30" s="184">
        <v>773832</v>
      </c>
      <c r="E30" s="185">
        <v>343088</v>
      </c>
      <c r="F30" s="185">
        <v>294247</v>
      </c>
      <c r="G30" s="185">
        <v>48841</v>
      </c>
      <c r="H30" s="185">
        <v>430744</v>
      </c>
      <c r="I30" s="184">
        <v>958737</v>
      </c>
      <c r="J30" s="185">
        <v>398122</v>
      </c>
      <c r="K30" s="185">
        <v>560615</v>
      </c>
      <c r="L30" s="184">
        <v>314290</v>
      </c>
      <c r="M30" s="185">
        <v>206313</v>
      </c>
      <c r="N30" s="186">
        <v>107977</v>
      </c>
      <c r="O30" s="172" t="s">
        <v>108</v>
      </c>
    </row>
    <row r="31" spans="1:15" ht="13.5" customHeight="1" x14ac:dyDescent="0.15">
      <c r="A31" s="592"/>
      <c r="B31" s="167" t="s">
        <v>109</v>
      </c>
      <c r="C31" s="168" t="s">
        <v>20</v>
      </c>
      <c r="D31" s="187">
        <v>682538</v>
      </c>
      <c r="E31" s="188">
        <v>352262</v>
      </c>
      <c r="F31" s="188">
        <v>306765</v>
      </c>
      <c r="G31" s="188">
        <v>45497</v>
      </c>
      <c r="H31" s="188">
        <v>330276</v>
      </c>
      <c r="I31" s="187">
        <v>717310</v>
      </c>
      <c r="J31" s="188">
        <v>377829</v>
      </c>
      <c r="K31" s="188">
        <v>339481</v>
      </c>
      <c r="L31" s="187">
        <v>557728</v>
      </c>
      <c r="M31" s="188">
        <v>260491</v>
      </c>
      <c r="N31" s="189">
        <v>297237</v>
      </c>
      <c r="O31" s="167" t="s">
        <v>109</v>
      </c>
    </row>
    <row r="32" spans="1:15" ht="13.5" customHeight="1" x14ac:dyDescent="0.15">
      <c r="A32" s="592"/>
      <c r="B32" s="172" t="s">
        <v>110</v>
      </c>
      <c r="C32" s="177" t="s">
        <v>21</v>
      </c>
      <c r="D32" s="184">
        <v>964253</v>
      </c>
      <c r="E32" s="185">
        <v>461341</v>
      </c>
      <c r="F32" s="185">
        <v>407568</v>
      </c>
      <c r="G32" s="185">
        <v>53773</v>
      </c>
      <c r="H32" s="185">
        <v>502912</v>
      </c>
      <c r="I32" s="184">
        <v>1040047</v>
      </c>
      <c r="J32" s="185">
        <v>486568</v>
      </c>
      <c r="K32" s="185">
        <v>553479</v>
      </c>
      <c r="L32" s="184">
        <v>629972</v>
      </c>
      <c r="M32" s="185">
        <v>350077</v>
      </c>
      <c r="N32" s="186">
        <v>279895</v>
      </c>
      <c r="O32" s="172" t="s">
        <v>110</v>
      </c>
    </row>
    <row r="33" spans="1:15" ht="13.5" customHeight="1" x14ac:dyDescent="0.15">
      <c r="A33" s="592"/>
      <c r="B33" s="167" t="s">
        <v>111</v>
      </c>
      <c r="C33" s="168" t="s">
        <v>22</v>
      </c>
      <c r="D33" s="187">
        <v>327858</v>
      </c>
      <c r="E33" s="188">
        <v>275514</v>
      </c>
      <c r="F33" s="188">
        <v>242409</v>
      </c>
      <c r="G33" s="188">
        <v>33105</v>
      </c>
      <c r="H33" s="188">
        <v>52344</v>
      </c>
      <c r="I33" s="187">
        <v>396659</v>
      </c>
      <c r="J33" s="188">
        <v>320336</v>
      </c>
      <c r="K33" s="188">
        <v>76323</v>
      </c>
      <c r="L33" s="187">
        <v>209338</v>
      </c>
      <c r="M33" s="188">
        <v>198301</v>
      </c>
      <c r="N33" s="189">
        <v>11037</v>
      </c>
      <c r="O33" s="167" t="s">
        <v>111</v>
      </c>
    </row>
    <row r="34" spans="1:15" ht="13.5" customHeight="1" x14ac:dyDescent="0.15">
      <c r="A34" s="592"/>
      <c r="B34" s="172" t="s">
        <v>112</v>
      </c>
      <c r="C34" s="177" t="s">
        <v>23</v>
      </c>
      <c r="D34" s="184">
        <v>997214</v>
      </c>
      <c r="E34" s="185">
        <v>393550</v>
      </c>
      <c r="F34" s="185">
        <v>367329</v>
      </c>
      <c r="G34" s="185">
        <v>26221</v>
      </c>
      <c r="H34" s="185">
        <v>603664</v>
      </c>
      <c r="I34" s="184">
        <v>1072242</v>
      </c>
      <c r="J34" s="185">
        <v>415699</v>
      </c>
      <c r="K34" s="185">
        <v>656543</v>
      </c>
      <c r="L34" s="184">
        <v>582696</v>
      </c>
      <c r="M34" s="185">
        <v>271183</v>
      </c>
      <c r="N34" s="186">
        <v>311513</v>
      </c>
      <c r="O34" s="172" t="s">
        <v>112</v>
      </c>
    </row>
    <row r="35" spans="1:15" ht="13.5" customHeight="1" x14ac:dyDescent="0.15">
      <c r="A35" s="592"/>
      <c r="B35" s="167" t="s">
        <v>113</v>
      </c>
      <c r="C35" s="168" t="s">
        <v>24</v>
      </c>
      <c r="D35" s="187">
        <v>827834</v>
      </c>
      <c r="E35" s="188">
        <v>414338</v>
      </c>
      <c r="F35" s="188">
        <v>385788</v>
      </c>
      <c r="G35" s="188">
        <v>28550</v>
      </c>
      <c r="H35" s="188">
        <v>413496</v>
      </c>
      <c r="I35" s="187">
        <v>854147</v>
      </c>
      <c r="J35" s="188">
        <v>440574</v>
      </c>
      <c r="K35" s="188">
        <v>413573</v>
      </c>
      <c r="L35" s="187">
        <v>726628</v>
      </c>
      <c r="M35" s="188">
        <v>313431</v>
      </c>
      <c r="N35" s="189">
        <v>413197</v>
      </c>
      <c r="O35" s="167" t="s">
        <v>113</v>
      </c>
    </row>
    <row r="36" spans="1:15" ht="13.5" customHeight="1" x14ac:dyDescent="0.15">
      <c r="A36" s="592"/>
      <c r="B36" s="172" t="s">
        <v>114</v>
      </c>
      <c r="C36" s="177" t="s">
        <v>25</v>
      </c>
      <c r="D36" s="184">
        <v>1175058</v>
      </c>
      <c r="E36" s="185">
        <v>389134</v>
      </c>
      <c r="F36" s="185">
        <v>331774</v>
      </c>
      <c r="G36" s="185">
        <v>57360</v>
      </c>
      <c r="H36" s="185">
        <v>785924</v>
      </c>
      <c r="I36" s="184">
        <v>1203695</v>
      </c>
      <c r="J36" s="185">
        <v>397249</v>
      </c>
      <c r="K36" s="185">
        <v>806446</v>
      </c>
      <c r="L36" s="184">
        <v>818962</v>
      </c>
      <c r="M36" s="185">
        <v>288227</v>
      </c>
      <c r="N36" s="186">
        <v>530735</v>
      </c>
      <c r="O36" s="172" t="s">
        <v>114</v>
      </c>
    </row>
    <row r="37" spans="1:15" ht="13.5" customHeight="1" x14ac:dyDescent="0.15">
      <c r="A37" s="592"/>
      <c r="B37" s="167" t="s">
        <v>115</v>
      </c>
      <c r="C37" s="168" t="s">
        <v>26</v>
      </c>
      <c r="D37" s="187">
        <v>1020931</v>
      </c>
      <c r="E37" s="188">
        <v>370900</v>
      </c>
      <c r="F37" s="188">
        <v>335318</v>
      </c>
      <c r="G37" s="188">
        <v>35582</v>
      </c>
      <c r="H37" s="188">
        <v>650031</v>
      </c>
      <c r="I37" s="187">
        <v>1099893</v>
      </c>
      <c r="J37" s="188">
        <v>393207</v>
      </c>
      <c r="K37" s="188">
        <v>706686</v>
      </c>
      <c r="L37" s="187">
        <v>699405</v>
      </c>
      <c r="M37" s="188">
        <v>280066</v>
      </c>
      <c r="N37" s="189">
        <v>419339</v>
      </c>
      <c r="O37" s="167" t="s">
        <v>115</v>
      </c>
    </row>
    <row r="38" spans="1:15" ht="13.5" customHeight="1" x14ac:dyDescent="0.15">
      <c r="A38" s="592"/>
      <c r="B38" s="172" t="s">
        <v>116</v>
      </c>
      <c r="C38" s="177" t="s">
        <v>27</v>
      </c>
      <c r="D38" s="184">
        <v>332191</v>
      </c>
      <c r="E38" s="185">
        <v>321413</v>
      </c>
      <c r="F38" s="185">
        <v>303382</v>
      </c>
      <c r="G38" s="185">
        <v>18031</v>
      </c>
      <c r="H38" s="185">
        <v>10778</v>
      </c>
      <c r="I38" s="184">
        <v>368748</v>
      </c>
      <c r="J38" s="185">
        <v>356826</v>
      </c>
      <c r="K38" s="185">
        <v>11922</v>
      </c>
      <c r="L38" s="184">
        <v>228296</v>
      </c>
      <c r="M38" s="185">
        <v>220769</v>
      </c>
      <c r="N38" s="186">
        <v>7527</v>
      </c>
      <c r="O38" s="172" t="s">
        <v>116</v>
      </c>
    </row>
    <row r="39" spans="1:15" ht="13.5" customHeight="1" x14ac:dyDescent="0.15">
      <c r="A39" s="592"/>
      <c r="B39" s="167" t="s">
        <v>117</v>
      </c>
      <c r="C39" s="168" t="s">
        <v>28</v>
      </c>
      <c r="D39" s="187">
        <v>989579</v>
      </c>
      <c r="E39" s="188">
        <v>424438</v>
      </c>
      <c r="F39" s="188">
        <v>392969</v>
      </c>
      <c r="G39" s="188">
        <v>31469</v>
      </c>
      <c r="H39" s="188">
        <v>565141</v>
      </c>
      <c r="I39" s="187">
        <v>1040521</v>
      </c>
      <c r="J39" s="188">
        <v>448260</v>
      </c>
      <c r="K39" s="188">
        <v>592261</v>
      </c>
      <c r="L39" s="187">
        <v>736483</v>
      </c>
      <c r="M39" s="188">
        <v>306082</v>
      </c>
      <c r="N39" s="189">
        <v>430401</v>
      </c>
      <c r="O39" s="167" t="s">
        <v>117</v>
      </c>
    </row>
    <row r="40" spans="1:15" ht="13.5" customHeight="1" x14ac:dyDescent="0.15">
      <c r="A40" s="592"/>
      <c r="B40" s="172" t="s">
        <v>118</v>
      </c>
      <c r="C40" s="177" t="s">
        <v>29</v>
      </c>
      <c r="D40" s="184">
        <v>769497</v>
      </c>
      <c r="E40" s="185">
        <v>456355</v>
      </c>
      <c r="F40" s="185">
        <v>420005</v>
      </c>
      <c r="G40" s="185">
        <v>36350</v>
      </c>
      <c r="H40" s="185">
        <v>313142</v>
      </c>
      <c r="I40" s="184">
        <v>788893</v>
      </c>
      <c r="J40" s="185">
        <v>474815</v>
      </c>
      <c r="K40" s="185">
        <v>314078</v>
      </c>
      <c r="L40" s="184">
        <v>660803</v>
      </c>
      <c r="M40" s="185">
        <v>352910</v>
      </c>
      <c r="N40" s="186">
        <v>307893</v>
      </c>
      <c r="O40" s="172" t="s">
        <v>118</v>
      </c>
    </row>
    <row r="41" spans="1:15" ht="13.5" customHeight="1" x14ac:dyDescent="0.15">
      <c r="A41" s="592"/>
      <c r="B41" s="167" t="s">
        <v>119</v>
      </c>
      <c r="C41" s="168" t="s">
        <v>30</v>
      </c>
      <c r="D41" s="187">
        <v>872401</v>
      </c>
      <c r="E41" s="188">
        <v>419505</v>
      </c>
      <c r="F41" s="188">
        <v>382307</v>
      </c>
      <c r="G41" s="188">
        <v>37198</v>
      </c>
      <c r="H41" s="188">
        <v>452896</v>
      </c>
      <c r="I41" s="187">
        <v>946258</v>
      </c>
      <c r="J41" s="188">
        <v>449522</v>
      </c>
      <c r="K41" s="188">
        <v>496736</v>
      </c>
      <c r="L41" s="187">
        <v>592868</v>
      </c>
      <c r="M41" s="188">
        <v>305898</v>
      </c>
      <c r="N41" s="189">
        <v>286970</v>
      </c>
      <c r="O41" s="167" t="s">
        <v>119</v>
      </c>
    </row>
    <row r="42" spans="1:15" ht="13.5" customHeight="1" x14ac:dyDescent="0.15">
      <c r="A42" s="592"/>
      <c r="B42" s="172" t="s">
        <v>120</v>
      </c>
      <c r="C42" s="177" t="s">
        <v>31</v>
      </c>
      <c r="D42" s="184">
        <v>2171039</v>
      </c>
      <c r="E42" s="185">
        <v>1046473</v>
      </c>
      <c r="F42" s="185">
        <v>966789</v>
      </c>
      <c r="G42" s="185">
        <v>79684</v>
      </c>
      <c r="H42" s="185">
        <v>1124566</v>
      </c>
      <c r="I42" s="184">
        <v>2418454</v>
      </c>
      <c r="J42" s="185">
        <v>1168611</v>
      </c>
      <c r="K42" s="185">
        <v>1249843</v>
      </c>
      <c r="L42" s="184">
        <v>1302912</v>
      </c>
      <c r="M42" s="185">
        <v>617915</v>
      </c>
      <c r="N42" s="186">
        <v>684997</v>
      </c>
      <c r="O42" s="172" t="s">
        <v>120</v>
      </c>
    </row>
    <row r="43" spans="1:15" ht="13.5" customHeight="1" x14ac:dyDescent="0.15">
      <c r="A43" s="592"/>
      <c r="B43" s="167" t="s">
        <v>121</v>
      </c>
      <c r="C43" s="168" t="s">
        <v>32</v>
      </c>
      <c r="D43" s="187">
        <v>748170</v>
      </c>
      <c r="E43" s="188">
        <v>425287</v>
      </c>
      <c r="F43" s="188">
        <v>393879</v>
      </c>
      <c r="G43" s="188">
        <v>31408</v>
      </c>
      <c r="H43" s="188">
        <v>322883</v>
      </c>
      <c r="I43" s="187">
        <v>796588</v>
      </c>
      <c r="J43" s="188">
        <v>452787</v>
      </c>
      <c r="K43" s="188">
        <v>343801</v>
      </c>
      <c r="L43" s="187">
        <v>527382</v>
      </c>
      <c r="M43" s="188">
        <v>299885</v>
      </c>
      <c r="N43" s="189">
        <v>227497</v>
      </c>
      <c r="O43" s="167" t="s">
        <v>121</v>
      </c>
    </row>
    <row r="44" spans="1:15" ht="13.5" customHeight="1" x14ac:dyDescent="0.15">
      <c r="A44" s="592"/>
      <c r="B44" s="172" t="s">
        <v>122</v>
      </c>
      <c r="C44" s="177" t="s">
        <v>33</v>
      </c>
      <c r="D44" s="184">
        <v>1292261</v>
      </c>
      <c r="E44" s="185">
        <v>514024</v>
      </c>
      <c r="F44" s="185">
        <v>476956</v>
      </c>
      <c r="G44" s="185">
        <v>37068</v>
      </c>
      <c r="H44" s="185">
        <v>778237</v>
      </c>
      <c r="I44" s="184">
        <v>1343945</v>
      </c>
      <c r="J44" s="185">
        <v>537149</v>
      </c>
      <c r="K44" s="185">
        <v>806796</v>
      </c>
      <c r="L44" s="184">
        <v>1020079</v>
      </c>
      <c r="M44" s="185">
        <v>392242</v>
      </c>
      <c r="N44" s="186">
        <v>627837</v>
      </c>
      <c r="O44" s="172" t="s">
        <v>122</v>
      </c>
    </row>
    <row r="45" spans="1:15" ht="13.5" customHeight="1" x14ac:dyDescent="0.15">
      <c r="A45" s="592"/>
      <c r="B45" s="167" t="s">
        <v>123</v>
      </c>
      <c r="C45" s="168" t="s">
        <v>34</v>
      </c>
      <c r="D45" s="187">
        <v>749496</v>
      </c>
      <c r="E45" s="188">
        <v>432135</v>
      </c>
      <c r="F45" s="188">
        <v>389810</v>
      </c>
      <c r="G45" s="188">
        <v>42325</v>
      </c>
      <c r="H45" s="188">
        <v>317361</v>
      </c>
      <c r="I45" s="187">
        <v>763231</v>
      </c>
      <c r="J45" s="188">
        <v>439408</v>
      </c>
      <c r="K45" s="188">
        <v>323823</v>
      </c>
      <c r="L45" s="187">
        <v>637540</v>
      </c>
      <c r="M45" s="188">
        <v>372846</v>
      </c>
      <c r="N45" s="189">
        <v>264694</v>
      </c>
      <c r="O45" s="167" t="s">
        <v>123</v>
      </c>
    </row>
    <row r="46" spans="1:15" ht="13.5" customHeight="1" x14ac:dyDescent="0.15">
      <c r="A46" s="592"/>
      <c r="B46" s="172" t="s">
        <v>124</v>
      </c>
      <c r="C46" s="177" t="s">
        <v>35</v>
      </c>
      <c r="D46" s="184">
        <v>428164</v>
      </c>
      <c r="E46" s="185">
        <v>347823</v>
      </c>
      <c r="F46" s="185">
        <v>329215</v>
      </c>
      <c r="G46" s="185">
        <v>18608</v>
      </c>
      <c r="H46" s="185">
        <v>80341</v>
      </c>
      <c r="I46" s="184">
        <v>517028</v>
      </c>
      <c r="J46" s="185">
        <v>418876</v>
      </c>
      <c r="K46" s="185">
        <v>98152</v>
      </c>
      <c r="L46" s="184">
        <v>246820</v>
      </c>
      <c r="M46" s="185">
        <v>202825</v>
      </c>
      <c r="N46" s="186">
        <v>43995</v>
      </c>
      <c r="O46" s="172" t="s">
        <v>124</v>
      </c>
    </row>
    <row r="47" spans="1:15" ht="7.5" customHeight="1" x14ac:dyDescent="0.15">
      <c r="A47" s="592"/>
      <c r="B47" s="172"/>
      <c r="C47" s="177"/>
      <c r="D47" s="184"/>
      <c r="E47" s="185"/>
      <c r="F47" s="185"/>
      <c r="G47" s="185"/>
      <c r="H47" s="185"/>
      <c r="I47" s="184"/>
      <c r="J47" s="185"/>
      <c r="K47" s="185"/>
      <c r="L47" s="184"/>
      <c r="M47" s="185"/>
      <c r="N47" s="186"/>
      <c r="O47" s="172"/>
    </row>
    <row r="48" spans="1:15" ht="13.5" customHeight="1" thickBot="1" x14ac:dyDescent="0.2">
      <c r="A48" s="592"/>
      <c r="B48" s="190" t="s">
        <v>125</v>
      </c>
      <c r="C48" s="191" t="s">
        <v>36</v>
      </c>
      <c r="D48" s="208">
        <v>535367</v>
      </c>
      <c r="E48" s="209">
        <v>337841</v>
      </c>
      <c r="F48" s="209">
        <v>308542</v>
      </c>
      <c r="G48" s="209">
        <v>29299</v>
      </c>
      <c r="H48" s="209">
        <v>197526</v>
      </c>
      <c r="I48" s="208">
        <v>681910</v>
      </c>
      <c r="J48" s="209">
        <v>442869</v>
      </c>
      <c r="K48" s="209">
        <v>239041</v>
      </c>
      <c r="L48" s="208">
        <v>479631</v>
      </c>
      <c r="M48" s="209">
        <v>297895</v>
      </c>
      <c r="N48" s="210">
        <v>181736</v>
      </c>
      <c r="O48" s="190" t="s">
        <v>125</v>
      </c>
    </row>
    <row r="49" spans="1:1" ht="14.25" customHeight="1" x14ac:dyDescent="0.15">
      <c r="A49" s="93"/>
    </row>
  </sheetData>
  <mergeCells count="20">
    <mergeCell ref="A1:A48"/>
    <mergeCell ref="B1:O1"/>
    <mergeCell ref="B2:G2"/>
    <mergeCell ref="N2:O2"/>
    <mergeCell ref="B3:C8"/>
    <mergeCell ref="E3:G4"/>
    <mergeCell ref="M6:M8"/>
    <mergeCell ref="N6:N8"/>
    <mergeCell ref="F7:F8"/>
    <mergeCell ref="G7:G8"/>
    <mergeCell ref="I5:I8"/>
    <mergeCell ref="L5:L8"/>
    <mergeCell ref="J3:J4"/>
    <mergeCell ref="M3:M4"/>
    <mergeCell ref="O3:O8"/>
    <mergeCell ref="D5:D8"/>
    <mergeCell ref="E6:E8"/>
    <mergeCell ref="H6:H8"/>
    <mergeCell ref="J6:J8"/>
    <mergeCell ref="K6:K8"/>
  </mergeCells>
  <phoneticPr fontId="3"/>
  <printOptions horizontalCentered="1"/>
  <pageMargins left="0.59055118110236227" right="0.59055118110236227" top="0.39370078740157483" bottom="0.59055118110236227" header="0" footer="0.19685039370078741"/>
  <pageSetup paperSize="9" scale="92" orientation="landscape" errors="blank" r:id="rId1"/>
  <headerFooter alignWithMargins="0"/>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0">
    <tabColor indexed="52"/>
  </sheetPr>
  <dimension ref="A1:Q49"/>
  <sheetViews>
    <sheetView view="pageBreakPreview" zoomScaleNormal="100" zoomScaleSheetLayoutView="100" workbookViewId="0">
      <selection sqref="A1:A48"/>
    </sheetView>
  </sheetViews>
  <sheetFormatPr defaultRowHeight="13.5" x14ac:dyDescent="0.15"/>
  <cols>
    <col min="1" max="1" width="5" customWidth="1"/>
    <col min="2" max="2" width="6.625" style="5" customWidth="1"/>
    <col min="3" max="3" width="22.5" customWidth="1"/>
    <col min="4" max="4" width="8.625" style="251" customWidth="1"/>
    <col min="5" max="15" width="8.625" customWidth="1"/>
    <col min="16" max="16" width="6.625" customWidth="1"/>
  </cols>
  <sheetData>
    <row r="1" spans="1:17" ht="22.5" customHeight="1" x14ac:dyDescent="0.15">
      <c r="A1" s="615" t="s">
        <v>129</v>
      </c>
      <c r="B1" s="616" t="s">
        <v>130</v>
      </c>
      <c r="C1" s="616"/>
      <c r="D1" s="616"/>
      <c r="E1" s="616"/>
      <c r="F1" s="616"/>
      <c r="G1" s="616"/>
      <c r="H1" s="616"/>
      <c r="I1" s="616"/>
      <c r="J1" s="616"/>
      <c r="K1" s="616"/>
      <c r="L1" s="616"/>
      <c r="M1" s="616"/>
      <c r="N1" s="616"/>
      <c r="O1" s="616"/>
      <c r="P1" s="616"/>
      <c r="Q1" s="4"/>
    </row>
    <row r="2" spans="1:17" ht="11.25" customHeight="1" thickBot="1" x14ac:dyDescent="0.2">
      <c r="A2" s="615"/>
      <c r="B2" s="617" t="s">
        <v>77</v>
      </c>
      <c r="C2" s="617"/>
      <c r="D2" s="617"/>
      <c r="E2" s="617"/>
      <c r="F2" s="617"/>
      <c r="G2" s="617"/>
      <c r="H2" s="9"/>
      <c r="I2" s="9"/>
      <c r="J2" s="9"/>
      <c r="K2" s="9"/>
      <c r="L2" s="9"/>
      <c r="M2" s="9"/>
      <c r="N2" s="618" t="s">
        <v>131</v>
      </c>
      <c r="O2" s="618"/>
      <c r="P2" s="618"/>
      <c r="Q2" s="9"/>
    </row>
    <row r="3" spans="1:17" ht="8.25" customHeight="1" x14ac:dyDescent="0.15">
      <c r="A3" s="615"/>
      <c r="B3" s="557" t="s">
        <v>79</v>
      </c>
      <c r="C3" s="619"/>
      <c r="D3" s="213"/>
      <c r="E3" s="557" t="s">
        <v>80</v>
      </c>
      <c r="F3" s="602"/>
      <c r="G3" s="214"/>
      <c r="H3" s="215"/>
      <c r="I3" s="604" t="s">
        <v>81</v>
      </c>
      <c r="J3" s="605"/>
      <c r="K3" s="214"/>
      <c r="L3" s="215"/>
      <c r="M3" s="604" t="s">
        <v>82</v>
      </c>
      <c r="N3" s="604"/>
      <c r="O3" s="216"/>
      <c r="P3" s="556" t="s">
        <v>83</v>
      </c>
    </row>
    <row r="4" spans="1:17" ht="8.25" customHeight="1" x14ac:dyDescent="0.15">
      <c r="A4" s="615"/>
      <c r="B4" s="559"/>
      <c r="C4" s="560"/>
      <c r="D4" s="217"/>
      <c r="E4" s="603"/>
      <c r="F4" s="603"/>
      <c r="G4" s="218"/>
      <c r="H4" s="219"/>
      <c r="I4" s="606"/>
      <c r="J4" s="606"/>
      <c r="K4" s="220"/>
      <c r="L4" s="219"/>
      <c r="M4" s="607"/>
      <c r="N4" s="607"/>
      <c r="O4" s="221"/>
      <c r="P4" s="558"/>
    </row>
    <row r="5" spans="1:17" ht="8.25" customHeight="1" x14ac:dyDescent="0.15">
      <c r="A5" s="615"/>
      <c r="B5" s="559"/>
      <c r="C5" s="560"/>
      <c r="D5" s="608" t="s">
        <v>132</v>
      </c>
      <c r="E5" s="611" t="s">
        <v>133</v>
      </c>
      <c r="F5" s="612"/>
      <c r="G5" s="222"/>
      <c r="H5" s="608" t="s">
        <v>132</v>
      </c>
      <c r="I5" s="611" t="s">
        <v>134</v>
      </c>
      <c r="J5" s="612"/>
      <c r="K5" s="222"/>
      <c r="L5" s="608" t="s">
        <v>132</v>
      </c>
      <c r="M5" s="611" t="s">
        <v>134</v>
      </c>
      <c r="N5" s="612"/>
      <c r="O5" s="222"/>
      <c r="P5" s="558"/>
    </row>
    <row r="6" spans="1:17" ht="8.25" customHeight="1" x14ac:dyDescent="0.15">
      <c r="A6" s="615"/>
      <c r="B6" s="559"/>
      <c r="C6" s="560"/>
      <c r="D6" s="609"/>
      <c r="E6" s="613"/>
      <c r="F6" s="614"/>
      <c r="G6" s="218"/>
      <c r="H6" s="609"/>
      <c r="I6" s="613"/>
      <c r="J6" s="614"/>
      <c r="K6" s="218"/>
      <c r="L6" s="609"/>
      <c r="M6" s="613"/>
      <c r="N6" s="614"/>
      <c r="O6" s="223"/>
      <c r="P6" s="558"/>
    </row>
    <row r="7" spans="1:17" ht="10.5" customHeight="1" x14ac:dyDescent="0.15">
      <c r="A7" s="615"/>
      <c r="B7" s="559"/>
      <c r="C7" s="560"/>
      <c r="D7" s="609"/>
      <c r="E7" s="224"/>
      <c r="F7" s="225" t="s">
        <v>135</v>
      </c>
      <c r="G7" s="226" t="s">
        <v>136</v>
      </c>
      <c r="H7" s="609"/>
      <c r="I7" s="224"/>
      <c r="J7" s="225" t="s">
        <v>135</v>
      </c>
      <c r="K7" s="226" t="s">
        <v>136</v>
      </c>
      <c r="L7" s="609"/>
      <c r="M7" s="224"/>
      <c r="N7" s="225" t="s">
        <v>135</v>
      </c>
      <c r="O7" s="226" t="s">
        <v>136</v>
      </c>
      <c r="P7" s="558"/>
    </row>
    <row r="8" spans="1:17" ht="10.5" customHeight="1" x14ac:dyDescent="0.15">
      <c r="A8" s="615"/>
      <c r="B8" s="620"/>
      <c r="C8" s="621"/>
      <c r="D8" s="610"/>
      <c r="E8" s="224"/>
      <c r="F8" s="224" t="s">
        <v>137</v>
      </c>
      <c r="G8" s="226" t="s">
        <v>137</v>
      </c>
      <c r="H8" s="610"/>
      <c r="I8" s="224"/>
      <c r="J8" s="224" t="s">
        <v>137</v>
      </c>
      <c r="K8" s="226" t="s">
        <v>137</v>
      </c>
      <c r="L8" s="610"/>
      <c r="M8" s="224"/>
      <c r="N8" s="224" t="s">
        <v>137</v>
      </c>
      <c r="O8" s="226" t="s">
        <v>137</v>
      </c>
      <c r="P8" s="219"/>
    </row>
    <row r="9" spans="1:17" s="1" customFormat="1" ht="13.5" customHeight="1" x14ac:dyDescent="0.15">
      <c r="A9" s="615"/>
      <c r="B9" s="167" t="s">
        <v>88</v>
      </c>
      <c r="C9" s="168" t="s">
        <v>89</v>
      </c>
      <c r="D9" s="227">
        <v>17.5</v>
      </c>
      <c r="E9" s="228">
        <v>135.19999999999999</v>
      </c>
      <c r="F9" s="228">
        <v>124.9</v>
      </c>
      <c r="G9" s="229">
        <v>10.3</v>
      </c>
      <c r="H9" s="227">
        <v>18.600000000000001</v>
      </c>
      <c r="I9" s="228">
        <v>153.4</v>
      </c>
      <c r="J9" s="228">
        <v>138.69999999999999</v>
      </c>
      <c r="K9" s="229">
        <v>14.7</v>
      </c>
      <c r="L9" s="227">
        <v>16.399999999999999</v>
      </c>
      <c r="M9" s="228">
        <v>115.3</v>
      </c>
      <c r="N9" s="228">
        <v>109.8</v>
      </c>
      <c r="O9" s="229">
        <v>5.5</v>
      </c>
      <c r="P9" s="167" t="s">
        <v>88</v>
      </c>
    </row>
    <row r="10" spans="1:17" s="1" customFormat="1" ht="6.75" customHeight="1" x14ac:dyDescent="0.15">
      <c r="A10" s="615"/>
      <c r="B10" s="172"/>
      <c r="C10" s="173"/>
      <c r="D10" s="230"/>
      <c r="E10" s="231"/>
      <c r="F10" s="231"/>
      <c r="G10" s="232"/>
      <c r="H10" s="230"/>
      <c r="I10" s="231"/>
      <c r="J10" s="231"/>
      <c r="K10" s="232"/>
      <c r="L10" s="230"/>
      <c r="M10" s="231"/>
      <c r="N10" s="231"/>
      <c r="O10" s="232"/>
      <c r="P10" s="172"/>
    </row>
    <row r="11" spans="1:17" s="1" customFormat="1" ht="13.5" customHeight="1" x14ac:dyDescent="0.15">
      <c r="A11" s="615"/>
      <c r="B11" s="172" t="s">
        <v>90</v>
      </c>
      <c r="C11" s="177" t="s">
        <v>1</v>
      </c>
      <c r="D11" s="230">
        <v>20.399999999999999</v>
      </c>
      <c r="E11" s="231">
        <v>169.2</v>
      </c>
      <c r="F11" s="231">
        <v>152.80000000000001</v>
      </c>
      <c r="G11" s="232">
        <v>16.399999999999999</v>
      </c>
      <c r="H11" s="230">
        <v>20.8</v>
      </c>
      <c r="I11" s="231">
        <v>176.1</v>
      </c>
      <c r="J11" s="231">
        <v>157.69999999999999</v>
      </c>
      <c r="K11" s="232">
        <v>18.399999999999999</v>
      </c>
      <c r="L11" s="230">
        <v>18.8</v>
      </c>
      <c r="M11" s="231">
        <v>137.69999999999999</v>
      </c>
      <c r="N11" s="231">
        <v>130.5</v>
      </c>
      <c r="O11" s="232">
        <v>7.2</v>
      </c>
      <c r="P11" s="172" t="s">
        <v>90</v>
      </c>
    </row>
    <row r="12" spans="1:17" s="1" customFormat="1" ht="13.5" customHeight="1" x14ac:dyDescent="0.15">
      <c r="A12" s="615"/>
      <c r="B12" s="167" t="s">
        <v>91</v>
      </c>
      <c r="C12" s="168" t="s">
        <v>2</v>
      </c>
      <c r="D12" s="233">
        <v>19.600000000000001</v>
      </c>
      <c r="E12" s="234">
        <v>165.9</v>
      </c>
      <c r="F12" s="234">
        <v>151</v>
      </c>
      <c r="G12" s="235">
        <v>14.9</v>
      </c>
      <c r="H12" s="233">
        <v>20</v>
      </c>
      <c r="I12" s="234">
        <v>172.3</v>
      </c>
      <c r="J12" s="234">
        <v>155.80000000000001</v>
      </c>
      <c r="K12" s="235">
        <v>16.5</v>
      </c>
      <c r="L12" s="233">
        <v>18.399999999999999</v>
      </c>
      <c r="M12" s="234">
        <v>146.5</v>
      </c>
      <c r="N12" s="234">
        <v>136.4</v>
      </c>
      <c r="O12" s="235">
        <v>10.1</v>
      </c>
      <c r="P12" s="167" t="s">
        <v>91</v>
      </c>
    </row>
    <row r="13" spans="1:17" s="1" customFormat="1" ht="13.5" customHeight="1" x14ac:dyDescent="0.15">
      <c r="A13" s="615"/>
      <c r="B13" s="172" t="s">
        <v>92</v>
      </c>
      <c r="C13" s="177" t="s">
        <v>3</v>
      </c>
      <c r="D13" s="230">
        <v>19.7</v>
      </c>
      <c r="E13" s="231">
        <v>160.1</v>
      </c>
      <c r="F13" s="231">
        <v>148.5</v>
      </c>
      <c r="G13" s="232">
        <v>11.6</v>
      </c>
      <c r="H13" s="230">
        <v>19.899999999999999</v>
      </c>
      <c r="I13" s="231">
        <v>163.69999999999999</v>
      </c>
      <c r="J13" s="231">
        <v>151.30000000000001</v>
      </c>
      <c r="K13" s="232">
        <v>12.4</v>
      </c>
      <c r="L13" s="230">
        <v>17.7</v>
      </c>
      <c r="M13" s="231">
        <v>133.1</v>
      </c>
      <c r="N13" s="231">
        <v>128.19999999999999</v>
      </c>
      <c r="O13" s="232">
        <v>4.9000000000000004</v>
      </c>
      <c r="P13" s="172" t="s">
        <v>92</v>
      </c>
    </row>
    <row r="14" spans="1:17" s="1" customFormat="1" ht="13.5" customHeight="1" x14ac:dyDescent="0.15">
      <c r="A14" s="615"/>
      <c r="B14" s="167" t="s">
        <v>93</v>
      </c>
      <c r="C14" s="168" t="s">
        <v>4</v>
      </c>
      <c r="D14" s="233">
        <v>18.899999999999999</v>
      </c>
      <c r="E14" s="234">
        <v>160.4</v>
      </c>
      <c r="F14" s="234">
        <v>143</v>
      </c>
      <c r="G14" s="235">
        <v>17.399999999999999</v>
      </c>
      <c r="H14" s="233">
        <v>19.2</v>
      </c>
      <c r="I14" s="234">
        <v>165.6</v>
      </c>
      <c r="J14" s="234">
        <v>146.6</v>
      </c>
      <c r="K14" s="235">
        <v>19</v>
      </c>
      <c r="L14" s="233">
        <v>18.2</v>
      </c>
      <c r="M14" s="234">
        <v>146.19999999999999</v>
      </c>
      <c r="N14" s="234">
        <v>133.1</v>
      </c>
      <c r="O14" s="235">
        <v>13.1</v>
      </c>
      <c r="P14" s="167" t="s">
        <v>93</v>
      </c>
    </row>
    <row r="15" spans="1:17" s="1" customFormat="1" ht="13.5" customHeight="1" x14ac:dyDescent="0.15">
      <c r="A15" s="615"/>
      <c r="B15" s="172" t="s">
        <v>94</v>
      </c>
      <c r="C15" s="177" t="s">
        <v>5</v>
      </c>
      <c r="D15" s="230">
        <v>19.7</v>
      </c>
      <c r="E15" s="231">
        <v>171.1</v>
      </c>
      <c r="F15" s="231">
        <v>147.9</v>
      </c>
      <c r="G15" s="232">
        <v>23.2</v>
      </c>
      <c r="H15" s="230">
        <v>20</v>
      </c>
      <c r="I15" s="231">
        <v>179.5</v>
      </c>
      <c r="J15" s="231">
        <v>152.80000000000001</v>
      </c>
      <c r="K15" s="232">
        <v>26.7</v>
      </c>
      <c r="L15" s="230">
        <v>18.7</v>
      </c>
      <c r="M15" s="231">
        <v>141.5</v>
      </c>
      <c r="N15" s="231">
        <v>130.6</v>
      </c>
      <c r="O15" s="232">
        <v>10.9</v>
      </c>
      <c r="P15" s="172" t="s">
        <v>94</v>
      </c>
    </row>
    <row r="16" spans="1:17" s="1" customFormat="1" ht="13.5" customHeight="1" x14ac:dyDescent="0.15">
      <c r="A16" s="615"/>
      <c r="B16" s="167" t="s">
        <v>95</v>
      </c>
      <c r="C16" s="168" t="s">
        <v>6</v>
      </c>
      <c r="D16" s="233">
        <v>17</v>
      </c>
      <c r="E16" s="234">
        <v>121.8</v>
      </c>
      <c r="F16" s="234">
        <v>114.8</v>
      </c>
      <c r="G16" s="235">
        <v>7</v>
      </c>
      <c r="H16" s="233">
        <v>18</v>
      </c>
      <c r="I16" s="234">
        <v>143.5</v>
      </c>
      <c r="J16" s="234">
        <v>132.1</v>
      </c>
      <c r="K16" s="235">
        <v>11.4</v>
      </c>
      <c r="L16" s="233">
        <v>16.100000000000001</v>
      </c>
      <c r="M16" s="234">
        <v>103.7</v>
      </c>
      <c r="N16" s="234">
        <v>100.3</v>
      </c>
      <c r="O16" s="235">
        <v>3.4</v>
      </c>
      <c r="P16" s="167" t="s">
        <v>95</v>
      </c>
    </row>
    <row r="17" spans="1:16" s="1" customFormat="1" ht="13.5" customHeight="1" x14ac:dyDescent="0.15">
      <c r="A17" s="615"/>
      <c r="B17" s="172" t="s">
        <v>96</v>
      </c>
      <c r="C17" s="177" t="s">
        <v>7</v>
      </c>
      <c r="D17" s="230">
        <v>19.399999999999999</v>
      </c>
      <c r="E17" s="231">
        <v>149.4</v>
      </c>
      <c r="F17" s="231">
        <v>138.5</v>
      </c>
      <c r="G17" s="232">
        <v>10.9</v>
      </c>
      <c r="H17" s="230">
        <v>20.399999999999999</v>
      </c>
      <c r="I17" s="231">
        <v>167.7</v>
      </c>
      <c r="J17" s="231">
        <v>152.80000000000001</v>
      </c>
      <c r="K17" s="232">
        <v>14.9</v>
      </c>
      <c r="L17" s="230">
        <v>19.100000000000001</v>
      </c>
      <c r="M17" s="231">
        <v>142.80000000000001</v>
      </c>
      <c r="N17" s="231">
        <v>133.4</v>
      </c>
      <c r="O17" s="232">
        <v>9.4</v>
      </c>
      <c r="P17" s="172" t="s">
        <v>96</v>
      </c>
    </row>
    <row r="18" spans="1:16" s="1" customFormat="1" ht="13.5" customHeight="1" x14ac:dyDescent="0.15">
      <c r="A18" s="615"/>
      <c r="B18" s="167" t="s">
        <v>97</v>
      </c>
      <c r="C18" s="168" t="s">
        <v>8</v>
      </c>
      <c r="D18" s="233">
        <v>18.8</v>
      </c>
      <c r="E18" s="234">
        <v>153.30000000000001</v>
      </c>
      <c r="F18" s="234">
        <v>138.69999999999999</v>
      </c>
      <c r="G18" s="235">
        <v>14.6</v>
      </c>
      <c r="H18" s="233">
        <v>19.600000000000001</v>
      </c>
      <c r="I18" s="234">
        <v>167</v>
      </c>
      <c r="J18" s="234">
        <v>149.80000000000001</v>
      </c>
      <c r="K18" s="235">
        <v>17.2</v>
      </c>
      <c r="L18" s="233">
        <v>17.5</v>
      </c>
      <c r="M18" s="234">
        <v>131.4</v>
      </c>
      <c r="N18" s="234">
        <v>121</v>
      </c>
      <c r="O18" s="235">
        <v>10.4</v>
      </c>
      <c r="P18" s="167" t="s">
        <v>97</v>
      </c>
    </row>
    <row r="19" spans="1:16" s="1" customFormat="1" ht="13.5" customHeight="1" x14ac:dyDescent="0.15">
      <c r="A19" s="615"/>
      <c r="B19" s="172" t="s">
        <v>98</v>
      </c>
      <c r="C19" s="177" t="s">
        <v>9</v>
      </c>
      <c r="D19" s="230">
        <v>19.3</v>
      </c>
      <c r="E19" s="231">
        <v>162</v>
      </c>
      <c r="F19" s="231">
        <v>148.69999999999999</v>
      </c>
      <c r="G19" s="232">
        <v>13.3</v>
      </c>
      <c r="H19" s="230">
        <v>19.8</v>
      </c>
      <c r="I19" s="231">
        <v>169.2</v>
      </c>
      <c r="J19" s="231">
        <v>154.1</v>
      </c>
      <c r="K19" s="232">
        <v>15.1</v>
      </c>
      <c r="L19" s="230">
        <v>17.899999999999999</v>
      </c>
      <c r="M19" s="231">
        <v>143.19999999999999</v>
      </c>
      <c r="N19" s="231">
        <v>134.4</v>
      </c>
      <c r="O19" s="232">
        <v>8.8000000000000007</v>
      </c>
      <c r="P19" s="172" t="s">
        <v>98</v>
      </c>
    </row>
    <row r="20" spans="1:16" s="1" customFormat="1" ht="13.5" customHeight="1" x14ac:dyDescent="0.15">
      <c r="A20" s="615"/>
      <c r="B20" s="167" t="s">
        <v>99</v>
      </c>
      <c r="C20" s="168" t="s">
        <v>10</v>
      </c>
      <c r="D20" s="233">
        <v>13.5</v>
      </c>
      <c r="E20" s="234">
        <v>89.8</v>
      </c>
      <c r="F20" s="234">
        <v>84.9</v>
      </c>
      <c r="G20" s="235">
        <v>4.9000000000000004</v>
      </c>
      <c r="H20" s="233">
        <v>14.1</v>
      </c>
      <c r="I20" s="234">
        <v>102.5</v>
      </c>
      <c r="J20" s="234">
        <v>95.5</v>
      </c>
      <c r="K20" s="235">
        <v>7</v>
      </c>
      <c r="L20" s="233">
        <v>13.2</v>
      </c>
      <c r="M20" s="234">
        <v>81.599999999999994</v>
      </c>
      <c r="N20" s="234">
        <v>78.099999999999994</v>
      </c>
      <c r="O20" s="235">
        <v>3.5</v>
      </c>
      <c r="P20" s="167" t="s">
        <v>99</v>
      </c>
    </row>
    <row r="21" spans="1:16" s="1" customFormat="1" ht="13.5" customHeight="1" x14ac:dyDescent="0.15">
      <c r="A21" s="615"/>
      <c r="B21" s="172" t="s">
        <v>100</v>
      </c>
      <c r="C21" s="177" t="s">
        <v>11</v>
      </c>
      <c r="D21" s="230">
        <v>16.100000000000001</v>
      </c>
      <c r="E21" s="231">
        <v>112.5</v>
      </c>
      <c r="F21" s="231">
        <v>106.6</v>
      </c>
      <c r="G21" s="232">
        <v>5.9</v>
      </c>
      <c r="H21" s="230">
        <v>16.5</v>
      </c>
      <c r="I21" s="231">
        <v>122.9</v>
      </c>
      <c r="J21" s="231">
        <v>113.9</v>
      </c>
      <c r="K21" s="232">
        <v>9</v>
      </c>
      <c r="L21" s="230">
        <v>15.8</v>
      </c>
      <c r="M21" s="231">
        <v>104.7</v>
      </c>
      <c r="N21" s="231">
        <v>101.1</v>
      </c>
      <c r="O21" s="232">
        <v>3.6</v>
      </c>
      <c r="P21" s="172" t="s">
        <v>100</v>
      </c>
    </row>
    <row r="22" spans="1:16" s="1" customFormat="1" ht="13.5" customHeight="1" x14ac:dyDescent="0.15">
      <c r="A22" s="615"/>
      <c r="B22" s="167" t="s">
        <v>101</v>
      </c>
      <c r="C22" s="168" t="s">
        <v>12</v>
      </c>
      <c r="D22" s="233">
        <v>15.4</v>
      </c>
      <c r="E22" s="234">
        <v>113.1</v>
      </c>
      <c r="F22" s="234">
        <v>102.2</v>
      </c>
      <c r="G22" s="235">
        <v>10.9</v>
      </c>
      <c r="H22" s="233">
        <v>15.2</v>
      </c>
      <c r="I22" s="234">
        <v>111.3</v>
      </c>
      <c r="J22" s="234">
        <v>97.8</v>
      </c>
      <c r="K22" s="235">
        <v>13.5</v>
      </c>
      <c r="L22" s="233">
        <v>15.5</v>
      </c>
      <c r="M22" s="234">
        <v>114.7</v>
      </c>
      <c r="N22" s="234">
        <v>106.1</v>
      </c>
      <c r="O22" s="235">
        <v>8.6</v>
      </c>
      <c r="P22" s="167" t="s">
        <v>101</v>
      </c>
    </row>
    <row r="23" spans="1:16" s="1" customFormat="1" ht="13.5" customHeight="1" x14ac:dyDescent="0.15">
      <c r="A23" s="615"/>
      <c r="B23" s="172" t="s">
        <v>102</v>
      </c>
      <c r="C23" s="177" t="s">
        <v>13</v>
      </c>
      <c r="D23" s="230">
        <v>17.2</v>
      </c>
      <c r="E23" s="231">
        <v>129.30000000000001</v>
      </c>
      <c r="F23" s="231">
        <v>122.7</v>
      </c>
      <c r="G23" s="232">
        <v>6.6</v>
      </c>
      <c r="H23" s="230">
        <v>18.3</v>
      </c>
      <c r="I23" s="231">
        <v>145.80000000000001</v>
      </c>
      <c r="J23" s="231">
        <v>134.69999999999999</v>
      </c>
      <c r="K23" s="232">
        <v>11.1</v>
      </c>
      <c r="L23" s="230">
        <v>16.899999999999999</v>
      </c>
      <c r="M23" s="231">
        <v>123.7</v>
      </c>
      <c r="N23" s="231">
        <v>118.6</v>
      </c>
      <c r="O23" s="232">
        <v>5.0999999999999996</v>
      </c>
      <c r="P23" s="172" t="s">
        <v>102</v>
      </c>
    </row>
    <row r="24" spans="1:16" s="1" customFormat="1" ht="13.5" customHeight="1" x14ac:dyDescent="0.15">
      <c r="A24" s="615"/>
      <c r="B24" s="167" t="s">
        <v>103</v>
      </c>
      <c r="C24" s="168" t="s">
        <v>14</v>
      </c>
      <c r="D24" s="233">
        <v>19.399999999999999</v>
      </c>
      <c r="E24" s="234">
        <v>153.1</v>
      </c>
      <c r="F24" s="234">
        <v>145.80000000000001</v>
      </c>
      <c r="G24" s="235">
        <v>7.3</v>
      </c>
      <c r="H24" s="233">
        <v>19.7</v>
      </c>
      <c r="I24" s="234">
        <v>162.1</v>
      </c>
      <c r="J24" s="234">
        <v>151.5</v>
      </c>
      <c r="K24" s="235">
        <v>10.6</v>
      </c>
      <c r="L24" s="233">
        <v>19.100000000000001</v>
      </c>
      <c r="M24" s="234">
        <v>144</v>
      </c>
      <c r="N24" s="234">
        <v>140.1</v>
      </c>
      <c r="O24" s="235">
        <v>3.9</v>
      </c>
      <c r="P24" s="167" t="s">
        <v>103</v>
      </c>
    </row>
    <row r="25" spans="1:16" s="1" customFormat="1" ht="13.5" customHeight="1" x14ac:dyDescent="0.15">
      <c r="A25" s="615"/>
      <c r="B25" s="172" t="s">
        <v>104</v>
      </c>
      <c r="C25" s="177" t="s">
        <v>15</v>
      </c>
      <c r="D25" s="230">
        <v>17.8</v>
      </c>
      <c r="E25" s="231">
        <v>135.1</v>
      </c>
      <c r="F25" s="231">
        <v>126.5</v>
      </c>
      <c r="G25" s="232">
        <v>8.6</v>
      </c>
      <c r="H25" s="230">
        <v>18.7</v>
      </c>
      <c r="I25" s="231">
        <v>152.69999999999999</v>
      </c>
      <c r="J25" s="231">
        <v>140.6</v>
      </c>
      <c r="K25" s="232">
        <v>12.1</v>
      </c>
      <c r="L25" s="230">
        <v>16.600000000000001</v>
      </c>
      <c r="M25" s="231">
        <v>110.6</v>
      </c>
      <c r="N25" s="231">
        <v>106.9</v>
      </c>
      <c r="O25" s="232">
        <v>3.7</v>
      </c>
      <c r="P25" s="172" t="s">
        <v>104</v>
      </c>
    </row>
    <row r="26" spans="1:16" s="1" customFormat="1" ht="6.75" customHeight="1" x14ac:dyDescent="0.15">
      <c r="A26" s="615"/>
      <c r="B26" s="172"/>
      <c r="C26" s="177"/>
      <c r="D26" s="236"/>
      <c r="E26" s="237"/>
      <c r="F26" s="237"/>
      <c r="G26" s="238"/>
      <c r="H26" s="236"/>
      <c r="I26" s="237"/>
      <c r="J26" s="237"/>
      <c r="K26" s="238"/>
      <c r="L26" s="236"/>
      <c r="M26" s="237"/>
      <c r="N26" s="237"/>
      <c r="O26" s="238"/>
      <c r="P26" s="172"/>
    </row>
    <row r="27" spans="1:16" s="1" customFormat="1" ht="13.5" customHeight="1" x14ac:dyDescent="0.15">
      <c r="A27" s="615"/>
      <c r="B27" s="167" t="s">
        <v>105</v>
      </c>
      <c r="C27" s="168" t="s">
        <v>16</v>
      </c>
      <c r="D27" s="233">
        <v>18.7</v>
      </c>
      <c r="E27" s="234">
        <v>155</v>
      </c>
      <c r="F27" s="234">
        <v>140.9</v>
      </c>
      <c r="G27" s="235">
        <v>14.1</v>
      </c>
      <c r="H27" s="233">
        <v>20.3</v>
      </c>
      <c r="I27" s="234">
        <v>173.5</v>
      </c>
      <c r="J27" s="234">
        <v>157.30000000000001</v>
      </c>
      <c r="K27" s="235">
        <v>16.2</v>
      </c>
      <c r="L27" s="233">
        <v>17.5</v>
      </c>
      <c r="M27" s="234">
        <v>140.69999999999999</v>
      </c>
      <c r="N27" s="234">
        <v>128.19999999999999</v>
      </c>
      <c r="O27" s="235">
        <v>12.5</v>
      </c>
      <c r="P27" s="167" t="s">
        <v>105</v>
      </c>
    </row>
    <row r="28" spans="1:16" s="1" customFormat="1" ht="13.5" customHeight="1" x14ac:dyDescent="0.15">
      <c r="A28" s="615"/>
      <c r="B28" s="172" t="s">
        <v>106</v>
      </c>
      <c r="C28" s="177" t="s">
        <v>17</v>
      </c>
      <c r="D28" s="239">
        <v>20.2</v>
      </c>
      <c r="E28" s="240">
        <v>154.1</v>
      </c>
      <c r="F28" s="240">
        <v>149.30000000000001</v>
      </c>
      <c r="G28" s="241">
        <v>4.8</v>
      </c>
      <c r="H28" s="239">
        <v>21</v>
      </c>
      <c r="I28" s="240">
        <v>167.3</v>
      </c>
      <c r="J28" s="240">
        <v>160.5</v>
      </c>
      <c r="K28" s="241">
        <v>6.8</v>
      </c>
      <c r="L28" s="239">
        <v>19.5</v>
      </c>
      <c r="M28" s="240">
        <v>141.80000000000001</v>
      </c>
      <c r="N28" s="240">
        <v>138.80000000000001</v>
      </c>
      <c r="O28" s="241">
        <v>3</v>
      </c>
      <c r="P28" s="172" t="s">
        <v>106</v>
      </c>
    </row>
    <row r="29" spans="1:16" s="1" customFormat="1" ht="13.5" customHeight="1" x14ac:dyDescent="0.15">
      <c r="A29" s="615"/>
      <c r="B29" s="167" t="s">
        <v>107</v>
      </c>
      <c r="C29" s="168" t="s">
        <v>18</v>
      </c>
      <c r="D29" s="242">
        <v>20.8</v>
      </c>
      <c r="E29" s="243">
        <v>176.3</v>
      </c>
      <c r="F29" s="243">
        <v>160.5</v>
      </c>
      <c r="G29" s="244">
        <v>15.8</v>
      </c>
      <c r="H29" s="242">
        <v>21.1</v>
      </c>
      <c r="I29" s="243">
        <v>183.7</v>
      </c>
      <c r="J29" s="243">
        <v>166.5</v>
      </c>
      <c r="K29" s="244">
        <v>17.2</v>
      </c>
      <c r="L29" s="242">
        <v>19.600000000000001</v>
      </c>
      <c r="M29" s="243">
        <v>145.1</v>
      </c>
      <c r="N29" s="243">
        <v>135.30000000000001</v>
      </c>
      <c r="O29" s="244">
        <v>9.8000000000000007</v>
      </c>
      <c r="P29" s="167" t="s">
        <v>107</v>
      </c>
    </row>
    <row r="30" spans="1:16" s="1" customFormat="1" ht="13.5" customHeight="1" x14ac:dyDescent="0.15">
      <c r="A30" s="615"/>
      <c r="B30" s="172" t="s">
        <v>108</v>
      </c>
      <c r="C30" s="177" t="s">
        <v>19</v>
      </c>
      <c r="D30" s="230">
        <v>19.7</v>
      </c>
      <c r="E30" s="231">
        <v>161.6</v>
      </c>
      <c r="F30" s="231">
        <v>149.19999999999999</v>
      </c>
      <c r="G30" s="232">
        <v>12.4</v>
      </c>
      <c r="H30" s="230">
        <v>20.2</v>
      </c>
      <c r="I30" s="231">
        <v>175.2</v>
      </c>
      <c r="J30" s="231">
        <v>159.1</v>
      </c>
      <c r="K30" s="232">
        <v>16.100000000000001</v>
      </c>
      <c r="L30" s="230">
        <v>18.600000000000001</v>
      </c>
      <c r="M30" s="231">
        <v>133.4</v>
      </c>
      <c r="N30" s="231">
        <v>128.80000000000001</v>
      </c>
      <c r="O30" s="232">
        <v>4.5999999999999996</v>
      </c>
      <c r="P30" s="172" t="s">
        <v>108</v>
      </c>
    </row>
    <row r="31" spans="1:16" s="1" customFormat="1" ht="13.5" customHeight="1" x14ac:dyDescent="0.15">
      <c r="A31" s="615"/>
      <c r="B31" s="167" t="s">
        <v>109</v>
      </c>
      <c r="C31" s="168" t="s">
        <v>20</v>
      </c>
      <c r="D31" s="233">
        <v>20.2</v>
      </c>
      <c r="E31" s="234">
        <v>167.1</v>
      </c>
      <c r="F31" s="234">
        <v>154.6</v>
      </c>
      <c r="G31" s="235">
        <v>12.5</v>
      </c>
      <c r="H31" s="233">
        <v>20.399999999999999</v>
      </c>
      <c r="I31" s="234">
        <v>170.2</v>
      </c>
      <c r="J31" s="234">
        <v>156.69999999999999</v>
      </c>
      <c r="K31" s="235">
        <v>13.5</v>
      </c>
      <c r="L31" s="233">
        <v>19</v>
      </c>
      <c r="M31" s="234">
        <v>149.69999999999999</v>
      </c>
      <c r="N31" s="234">
        <v>142.80000000000001</v>
      </c>
      <c r="O31" s="235">
        <v>6.9</v>
      </c>
      <c r="P31" s="167" t="s">
        <v>109</v>
      </c>
    </row>
    <row r="32" spans="1:16" s="1" customFormat="1" ht="13.5" customHeight="1" x14ac:dyDescent="0.15">
      <c r="A32" s="615"/>
      <c r="B32" s="172" t="s">
        <v>110</v>
      </c>
      <c r="C32" s="177" t="s">
        <v>21</v>
      </c>
      <c r="D32" s="230">
        <v>20.2</v>
      </c>
      <c r="E32" s="231">
        <v>166.8</v>
      </c>
      <c r="F32" s="231">
        <v>152.19999999999999</v>
      </c>
      <c r="G32" s="232">
        <v>14.6</v>
      </c>
      <c r="H32" s="230">
        <v>20.3</v>
      </c>
      <c r="I32" s="231">
        <v>168.2</v>
      </c>
      <c r="J32" s="231">
        <v>152.6</v>
      </c>
      <c r="K32" s="232">
        <v>15.6</v>
      </c>
      <c r="L32" s="230">
        <v>20</v>
      </c>
      <c r="M32" s="231">
        <v>160.5</v>
      </c>
      <c r="N32" s="231">
        <v>150.5</v>
      </c>
      <c r="O32" s="232">
        <v>10</v>
      </c>
      <c r="P32" s="172" t="s">
        <v>110</v>
      </c>
    </row>
    <row r="33" spans="1:16" s="1" customFormat="1" ht="13.5" customHeight="1" x14ac:dyDescent="0.15">
      <c r="A33" s="615"/>
      <c r="B33" s="167" t="s">
        <v>111</v>
      </c>
      <c r="C33" s="168" t="s">
        <v>22</v>
      </c>
      <c r="D33" s="233">
        <v>20.2</v>
      </c>
      <c r="E33" s="234">
        <v>171.3</v>
      </c>
      <c r="F33" s="234">
        <v>153.4</v>
      </c>
      <c r="G33" s="235">
        <v>17.899999999999999</v>
      </c>
      <c r="H33" s="233">
        <v>20.8</v>
      </c>
      <c r="I33" s="234">
        <v>180.8</v>
      </c>
      <c r="J33" s="234">
        <v>159.5</v>
      </c>
      <c r="K33" s="235">
        <v>21.3</v>
      </c>
      <c r="L33" s="233">
        <v>19.100000000000001</v>
      </c>
      <c r="M33" s="234">
        <v>153.9</v>
      </c>
      <c r="N33" s="234">
        <v>142.30000000000001</v>
      </c>
      <c r="O33" s="235">
        <v>11.6</v>
      </c>
      <c r="P33" s="167" t="s">
        <v>111</v>
      </c>
    </row>
    <row r="34" spans="1:16" s="1" customFormat="1" ht="13.5" customHeight="1" x14ac:dyDescent="0.15">
      <c r="A34" s="615"/>
      <c r="B34" s="172" t="s">
        <v>112</v>
      </c>
      <c r="C34" s="177" t="s">
        <v>23</v>
      </c>
      <c r="D34" s="230">
        <v>19</v>
      </c>
      <c r="E34" s="231">
        <v>161.19999999999999</v>
      </c>
      <c r="F34" s="231">
        <v>148.6</v>
      </c>
      <c r="G34" s="232">
        <v>12.6</v>
      </c>
      <c r="H34" s="230">
        <v>19.2</v>
      </c>
      <c r="I34" s="231">
        <v>163.1</v>
      </c>
      <c r="J34" s="231">
        <v>149.69999999999999</v>
      </c>
      <c r="K34" s="232">
        <v>13.4</v>
      </c>
      <c r="L34" s="230">
        <v>17.899999999999999</v>
      </c>
      <c r="M34" s="231">
        <v>151.19999999999999</v>
      </c>
      <c r="N34" s="231">
        <v>142.69999999999999</v>
      </c>
      <c r="O34" s="232">
        <v>8.5</v>
      </c>
      <c r="P34" s="172" t="s">
        <v>112</v>
      </c>
    </row>
    <row r="35" spans="1:16" s="1" customFormat="1" ht="13.5" customHeight="1" x14ac:dyDescent="0.15">
      <c r="A35" s="615"/>
      <c r="B35" s="167" t="s">
        <v>113</v>
      </c>
      <c r="C35" s="168" t="s">
        <v>24</v>
      </c>
      <c r="D35" s="233">
        <v>20.100000000000001</v>
      </c>
      <c r="E35" s="234">
        <v>160.9</v>
      </c>
      <c r="F35" s="234">
        <v>154.19999999999999</v>
      </c>
      <c r="G35" s="235">
        <v>6.7</v>
      </c>
      <c r="H35" s="233">
        <v>20.399999999999999</v>
      </c>
      <c r="I35" s="234">
        <v>166.4</v>
      </c>
      <c r="J35" s="234">
        <v>158.9</v>
      </c>
      <c r="K35" s="235">
        <v>7.5</v>
      </c>
      <c r="L35" s="233">
        <v>19.2</v>
      </c>
      <c r="M35" s="234">
        <v>144.80000000000001</v>
      </c>
      <c r="N35" s="234">
        <v>140.5</v>
      </c>
      <c r="O35" s="235">
        <v>4.3</v>
      </c>
      <c r="P35" s="167" t="s">
        <v>113</v>
      </c>
    </row>
    <row r="36" spans="1:16" s="1" customFormat="1" ht="13.5" customHeight="1" x14ac:dyDescent="0.15">
      <c r="A36" s="615"/>
      <c r="B36" s="172" t="s">
        <v>114</v>
      </c>
      <c r="C36" s="177" t="s">
        <v>25</v>
      </c>
      <c r="D36" s="230">
        <v>20.9</v>
      </c>
      <c r="E36" s="231">
        <v>181.7</v>
      </c>
      <c r="F36" s="231">
        <v>156.19999999999999</v>
      </c>
      <c r="G36" s="232">
        <v>25.5</v>
      </c>
      <c r="H36" s="230">
        <v>20.9</v>
      </c>
      <c r="I36" s="231">
        <v>182.6</v>
      </c>
      <c r="J36" s="231">
        <v>156.1</v>
      </c>
      <c r="K36" s="232">
        <v>26.5</v>
      </c>
      <c r="L36" s="230">
        <v>20.6</v>
      </c>
      <c r="M36" s="231">
        <v>170.2</v>
      </c>
      <c r="N36" s="231">
        <v>156.80000000000001</v>
      </c>
      <c r="O36" s="232">
        <v>13.4</v>
      </c>
      <c r="P36" s="172" t="s">
        <v>114</v>
      </c>
    </row>
    <row r="37" spans="1:16" s="1" customFormat="1" ht="13.5" customHeight="1" x14ac:dyDescent="0.15">
      <c r="A37" s="615"/>
      <c r="B37" s="167" t="s">
        <v>115</v>
      </c>
      <c r="C37" s="168" t="s">
        <v>26</v>
      </c>
      <c r="D37" s="233">
        <v>20.2</v>
      </c>
      <c r="E37" s="234">
        <v>180.4</v>
      </c>
      <c r="F37" s="234">
        <v>162.6</v>
      </c>
      <c r="G37" s="235">
        <v>17.8</v>
      </c>
      <c r="H37" s="233">
        <v>20.2</v>
      </c>
      <c r="I37" s="234">
        <v>182.1</v>
      </c>
      <c r="J37" s="234">
        <v>162.6</v>
      </c>
      <c r="K37" s="235">
        <v>19.5</v>
      </c>
      <c r="L37" s="233">
        <v>20.2</v>
      </c>
      <c r="M37" s="234">
        <v>173.4</v>
      </c>
      <c r="N37" s="234">
        <v>162.80000000000001</v>
      </c>
      <c r="O37" s="235">
        <v>10.6</v>
      </c>
      <c r="P37" s="167" t="s">
        <v>115</v>
      </c>
    </row>
    <row r="38" spans="1:16" s="1" customFormat="1" ht="13.5" customHeight="1" x14ac:dyDescent="0.15">
      <c r="A38" s="615"/>
      <c r="B38" s="172" t="s">
        <v>116</v>
      </c>
      <c r="C38" s="177" t="s">
        <v>27</v>
      </c>
      <c r="D38" s="230">
        <v>18.8</v>
      </c>
      <c r="E38" s="231">
        <v>150.5</v>
      </c>
      <c r="F38" s="231">
        <v>142.30000000000001</v>
      </c>
      <c r="G38" s="232">
        <v>8.1999999999999993</v>
      </c>
      <c r="H38" s="230">
        <v>19.2</v>
      </c>
      <c r="I38" s="231">
        <v>155.6</v>
      </c>
      <c r="J38" s="231">
        <v>147.30000000000001</v>
      </c>
      <c r="K38" s="232">
        <v>8.3000000000000007</v>
      </c>
      <c r="L38" s="230">
        <v>17.5</v>
      </c>
      <c r="M38" s="231">
        <v>134.69999999999999</v>
      </c>
      <c r="N38" s="231">
        <v>126.7</v>
      </c>
      <c r="O38" s="232">
        <v>8</v>
      </c>
      <c r="P38" s="172" t="s">
        <v>116</v>
      </c>
    </row>
    <row r="39" spans="1:16" s="1" customFormat="1" ht="13.5" customHeight="1" x14ac:dyDescent="0.15">
      <c r="A39" s="615"/>
      <c r="B39" s="167" t="s">
        <v>117</v>
      </c>
      <c r="C39" s="168" t="s">
        <v>28</v>
      </c>
      <c r="D39" s="233">
        <v>19.7</v>
      </c>
      <c r="E39" s="234">
        <v>170.6</v>
      </c>
      <c r="F39" s="234">
        <v>156.30000000000001</v>
      </c>
      <c r="G39" s="235">
        <v>14.3</v>
      </c>
      <c r="H39" s="233">
        <v>19.899999999999999</v>
      </c>
      <c r="I39" s="234">
        <v>175</v>
      </c>
      <c r="J39" s="234">
        <v>159.5</v>
      </c>
      <c r="K39" s="235">
        <v>15.5</v>
      </c>
      <c r="L39" s="233">
        <v>18.899999999999999</v>
      </c>
      <c r="M39" s="234">
        <v>149.6</v>
      </c>
      <c r="N39" s="234">
        <v>140.9</v>
      </c>
      <c r="O39" s="235">
        <v>8.6999999999999993</v>
      </c>
      <c r="P39" s="167" t="s">
        <v>117</v>
      </c>
    </row>
    <row r="40" spans="1:16" s="1" customFormat="1" ht="13.5" customHeight="1" x14ac:dyDescent="0.15">
      <c r="A40" s="615"/>
      <c r="B40" s="172" t="s">
        <v>118</v>
      </c>
      <c r="C40" s="177" t="s">
        <v>29</v>
      </c>
      <c r="D40" s="230">
        <v>20.3</v>
      </c>
      <c r="E40" s="231">
        <v>176.1</v>
      </c>
      <c r="F40" s="231">
        <v>158.1</v>
      </c>
      <c r="G40" s="232">
        <v>18</v>
      </c>
      <c r="H40" s="230">
        <v>20.399999999999999</v>
      </c>
      <c r="I40" s="231">
        <v>179.7</v>
      </c>
      <c r="J40" s="231">
        <v>160.30000000000001</v>
      </c>
      <c r="K40" s="232">
        <v>19.399999999999999</v>
      </c>
      <c r="L40" s="230">
        <v>19.7</v>
      </c>
      <c r="M40" s="231">
        <v>155.69999999999999</v>
      </c>
      <c r="N40" s="231">
        <v>146.1</v>
      </c>
      <c r="O40" s="232">
        <v>9.6</v>
      </c>
      <c r="P40" s="172" t="s">
        <v>118</v>
      </c>
    </row>
    <row r="41" spans="1:16" s="1" customFormat="1" ht="13.5" customHeight="1" x14ac:dyDescent="0.15">
      <c r="A41" s="615"/>
      <c r="B41" s="167" t="s">
        <v>119</v>
      </c>
      <c r="C41" s="168" t="s">
        <v>30</v>
      </c>
      <c r="D41" s="233">
        <v>20.5</v>
      </c>
      <c r="E41" s="234">
        <v>172.2</v>
      </c>
      <c r="F41" s="234">
        <v>155.9</v>
      </c>
      <c r="G41" s="235">
        <v>16.3</v>
      </c>
      <c r="H41" s="233">
        <v>20.7</v>
      </c>
      <c r="I41" s="234">
        <v>176.9</v>
      </c>
      <c r="J41" s="234">
        <v>158.5</v>
      </c>
      <c r="K41" s="235">
        <v>18.399999999999999</v>
      </c>
      <c r="L41" s="233">
        <v>19.600000000000001</v>
      </c>
      <c r="M41" s="234">
        <v>155.9</v>
      </c>
      <c r="N41" s="234">
        <v>146.80000000000001</v>
      </c>
      <c r="O41" s="235">
        <v>9.1</v>
      </c>
      <c r="P41" s="167" t="s">
        <v>119</v>
      </c>
    </row>
    <row r="42" spans="1:16" s="1" customFormat="1" ht="13.5" customHeight="1" x14ac:dyDescent="0.15">
      <c r="A42" s="615"/>
      <c r="B42" s="172" t="s">
        <v>120</v>
      </c>
      <c r="C42" s="177" t="s">
        <v>31</v>
      </c>
      <c r="D42" s="230">
        <v>20.399999999999999</v>
      </c>
      <c r="E42" s="231">
        <v>186.9</v>
      </c>
      <c r="F42" s="231">
        <v>164.6</v>
      </c>
      <c r="G42" s="232">
        <v>22.3</v>
      </c>
      <c r="H42" s="230">
        <v>20.399999999999999</v>
      </c>
      <c r="I42" s="231">
        <v>188.3</v>
      </c>
      <c r="J42" s="231">
        <v>164.9</v>
      </c>
      <c r="K42" s="232">
        <v>23.4</v>
      </c>
      <c r="L42" s="230">
        <v>20.2</v>
      </c>
      <c r="M42" s="231">
        <v>182.7</v>
      </c>
      <c r="N42" s="231">
        <v>163.9</v>
      </c>
      <c r="O42" s="232">
        <v>18.8</v>
      </c>
      <c r="P42" s="172" t="s">
        <v>120</v>
      </c>
    </row>
    <row r="43" spans="1:16" s="1" customFormat="1" ht="13.5" customHeight="1" x14ac:dyDescent="0.15">
      <c r="A43" s="615"/>
      <c r="B43" s="167" t="s">
        <v>121</v>
      </c>
      <c r="C43" s="168" t="s">
        <v>32</v>
      </c>
      <c r="D43" s="233">
        <v>18.8</v>
      </c>
      <c r="E43" s="234">
        <v>153.6</v>
      </c>
      <c r="F43" s="234">
        <v>142.4</v>
      </c>
      <c r="G43" s="235">
        <v>11.2</v>
      </c>
      <c r="H43" s="233">
        <v>19.2</v>
      </c>
      <c r="I43" s="234">
        <v>160.1</v>
      </c>
      <c r="J43" s="234">
        <v>147.5</v>
      </c>
      <c r="K43" s="235">
        <v>12.6</v>
      </c>
      <c r="L43" s="233">
        <v>17.3</v>
      </c>
      <c r="M43" s="234">
        <v>129.5</v>
      </c>
      <c r="N43" s="234">
        <v>123.6</v>
      </c>
      <c r="O43" s="235">
        <v>5.9</v>
      </c>
      <c r="P43" s="167" t="s">
        <v>121</v>
      </c>
    </row>
    <row r="44" spans="1:16" s="1" customFormat="1" ht="13.5" customHeight="1" x14ac:dyDescent="0.15">
      <c r="A44" s="615"/>
      <c r="B44" s="172" t="s">
        <v>122</v>
      </c>
      <c r="C44" s="177" t="s">
        <v>33</v>
      </c>
      <c r="D44" s="230">
        <v>18.2</v>
      </c>
      <c r="E44" s="231">
        <v>154.4</v>
      </c>
      <c r="F44" s="231">
        <v>139.69999999999999</v>
      </c>
      <c r="G44" s="232">
        <v>14.7</v>
      </c>
      <c r="H44" s="230">
        <v>18.3</v>
      </c>
      <c r="I44" s="231">
        <v>156.6</v>
      </c>
      <c r="J44" s="231">
        <v>140.9</v>
      </c>
      <c r="K44" s="232">
        <v>15.7</v>
      </c>
      <c r="L44" s="230">
        <v>17.899999999999999</v>
      </c>
      <c r="M44" s="231">
        <v>143.1</v>
      </c>
      <c r="N44" s="231">
        <v>133.69999999999999</v>
      </c>
      <c r="O44" s="232">
        <v>9.4</v>
      </c>
      <c r="P44" s="172" t="s">
        <v>122</v>
      </c>
    </row>
    <row r="45" spans="1:16" s="1" customFormat="1" ht="13.5" customHeight="1" x14ac:dyDescent="0.15">
      <c r="A45" s="615"/>
      <c r="B45" s="167" t="s">
        <v>123</v>
      </c>
      <c r="C45" s="168" t="s">
        <v>34</v>
      </c>
      <c r="D45" s="233">
        <v>20.100000000000001</v>
      </c>
      <c r="E45" s="234">
        <v>176.1</v>
      </c>
      <c r="F45" s="234">
        <v>158.6</v>
      </c>
      <c r="G45" s="235">
        <v>17.5</v>
      </c>
      <c r="H45" s="233">
        <v>20.3</v>
      </c>
      <c r="I45" s="234">
        <v>179.9</v>
      </c>
      <c r="J45" s="234">
        <v>161.1</v>
      </c>
      <c r="K45" s="235">
        <v>18.8</v>
      </c>
      <c r="L45" s="233">
        <v>18.8</v>
      </c>
      <c r="M45" s="234">
        <v>150.4</v>
      </c>
      <c r="N45" s="234">
        <v>141.69999999999999</v>
      </c>
      <c r="O45" s="235">
        <v>8.6999999999999993</v>
      </c>
      <c r="P45" s="167" t="s">
        <v>123</v>
      </c>
    </row>
    <row r="46" spans="1:16" s="1" customFormat="1" ht="6.75" customHeight="1" x14ac:dyDescent="0.15">
      <c r="A46" s="615"/>
      <c r="B46" s="245"/>
      <c r="C46" s="177"/>
      <c r="E46" s="231"/>
      <c r="F46" s="231"/>
      <c r="G46" s="232"/>
      <c r="I46" s="231"/>
      <c r="J46" s="231"/>
      <c r="K46" s="232"/>
      <c r="M46" s="231"/>
      <c r="N46" s="231"/>
      <c r="O46" s="232"/>
      <c r="P46" s="245"/>
    </row>
    <row r="47" spans="1:16" s="1" customFormat="1" ht="13.5" customHeight="1" x14ac:dyDescent="0.15">
      <c r="A47" s="615"/>
      <c r="B47" s="172" t="s">
        <v>124</v>
      </c>
      <c r="C47" s="177" t="s">
        <v>35</v>
      </c>
      <c r="D47" s="230">
        <v>19.7</v>
      </c>
      <c r="E47" s="237">
        <v>165.4</v>
      </c>
      <c r="F47" s="237">
        <v>151.30000000000001</v>
      </c>
      <c r="G47" s="238">
        <v>14.1</v>
      </c>
      <c r="H47" s="230">
        <v>20.5</v>
      </c>
      <c r="I47" s="237">
        <v>183.1</v>
      </c>
      <c r="J47" s="237">
        <v>162.9</v>
      </c>
      <c r="K47" s="238">
        <v>20.2</v>
      </c>
      <c r="L47" s="230">
        <v>18.8</v>
      </c>
      <c r="M47" s="237">
        <v>145.5</v>
      </c>
      <c r="N47" s="237">
        <v>138.1</v>
      </c>
      <c r="O47" s="238">
        <v>7.4</v>
      </c>
      <c r="P47" s="172" t="s">
        <v>124</v>
      </c>
    </row>
    <row r="48" spans="1:16" s="1" customFormat="1" ht="13.5" customHeight="1" thickBot="1" x14ac:dyDescent="0.2">
      <c r="A48" s="615"/>
      <c r="B48" s="190" t="s">
        <v>125</v>
      </c>
      <c r="C48" s="191" t="s">
        <v>36</v>
      </c>
      <c r="D48" s="246">
        <v>17.899999999999999</v>
      </c>
      <c r="E48" s="247">
        <v>133.30000000000001</v>
      </c>
      <c r="F48" s="247">
        <v>123.1</v>
      </c>
      <c r="G48" s="248">
        <v>10.199999999999999</v>
      </c>
      <c r="H48" s="246">
        <v>17.600000000000001</v>
      </c>
      <c r="I48" s="247">
        <v>143.9</v>
      </c>
      <c r="J48" s="247">
        <v>124.5</v>
      </c>
      <c r="K48" s="248">
        <v>19.399999999999999</v>
      </c>
      <c r="L48" s="246">
        <v>18</v>
      </c>
      <c r="M48" s="247">
        <v>130.19999999999999</v>
      </c>
      <c r="N48" s="247">
        <v>122.7</v>
      </c>
      <c r="O48" s="248">
        <v>7.5</v>
      </c>
      <c r="P48" s="190" t="s">
        <v>125</v>
      </c>
    </row>
    <row r="49" spans="1:16" s="1" customFormat="1" ht="14.25" customHeight="1" x14ac:dyDescent="0.15">
      <c r="A49" s="9"/>
      <c r="B49" s="249"/>
      <c r="C49" s="19"/>
      <c r="D49" s="250"/>
      <c r="E49" s="19"/>
      <c r="F49" s="19"/>
      <c r="G49" s="19"/>
      <c r="H49" s="19"/>
      <c r="I49" s="19"/>
      <c r="J49" s="19"/>
      <c r="K49" s="19"/>
      <c r="L49" s="19"/>
      <c r="M49" s="19"/>
      <c r="N49" s="19"/>
      <c r="O49" s="19"/>
      <c r="P49" s="19"/>
    </row>
  </sheetData>
  <mergeCells count="15">
    <mergeCell ref="A1:A48"/>
    <mergeCell ref="B1:P1"/>
    <mergeCell ref="B2:G2"/>
    <mergeCell ref="N2:P2"/>
    <mergeCell ref="B3:C8"/>
    <mergeCell ref="E3:F4"/>
    <mergeCell ref="I3:J4"/>
    <mergeCell ref="M3:N4"/>
    <mergeCell ref="P3:P7"/>
    <mergeCell ref="D5:D8"/>
    <mergeCell ref="E5:F6"/>
    <mergeCell ref="H5:H8"/>
    <mergeCell ref="I5:J6"/>
    <mergeCell ref="L5:L8"/>
    <mergeCell ref="M5:N6"/>
  </mergeCells>
  <phoneticPr fontId="3"/>
  <printOptions horizontalCentered="1"/>
  <pageMargins left="0.59055118110236227" right="0.59055118110236227" top="0.39370078740157483" bottom="0.59055118110236227" header="0" footer="0.19685039370078741"/>
  <pageSetup paperSize="9" scale="91" orientation="landscape" errors="blank" r:id="rId1"/>
  <headerFooter alignWithMargins="0"/>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1">
    <tabColor indexed="52"/>
  </sheetPr>
  <dimension ref="A1:Q49"/>
  <sheetViews>
    <sheetView view="pageBreakPreview" topLeftCell="A13" zoomScaleNormal="80" zoomScaleSheetLayoutView="100" workbookViewId="0">
      <selection sqref="A1:A48"/>
    </sheetView>
  </sheetViews>
  <sheetFormatPr defaultRowHeight="13.5" x14ac:dyDescent="0.15"/>
  <cols>
    <col min="1" max="1" width="5" style="1" customWidth="1"/>
    <col min="2" max="2" width="6.625" style="276" customWidth="1"/>
    <col min="3" max="3" width="22.5" style="1" customWidth="1"/>
    <col min="4" max="4" width="8.625" style="277" customWidth="1"/>
    <col min="5" max="15" width="8.625" style="1" customWidth="1"/>
    <col min="16" max="16" width="6.625" style="1" customWidth="1"/>
    <col min="17" max="16384" width="9" style="1"/>
  </cols>
  <sheetData>
    <row r="1" spans="1:17" ht="22.5" customHeight="1" x14ac:dyDescent="0.15">
      <c r="A1" s="592" t="s">
        <v>138</v>
      </c>
      <c r="B1" s="593" t="s">
        <v>139</v>
      </c>
      <c r="C1" s="601"/>
      <c r="D1" s="601"/>
      <c r="E1" s="601"/>
      <c r="F1" s="601"/>
      <c r="G1" s="601"/>
      <c r="H1" s="601"/>
      <c r="I1" s="601"/>
      <c r="J1" s="601"/>
      <c r="K1" s="601"/>
      <c r="L1" s="601"/>
      <c r="M1" s="601"/>
      <c r="N1" s="601"/>
      <c r="O1" s="601"/>
      <c r="P1" s="601"/>
      <c r="Q1" s="10"/>
    </row>
    <row r="2" spans="1:17" ht="11.25" customHeight="1" thickBot="1" x14ac:dyDescent="0.2">
      <c r="A2" s="592"/>
      <c r="B2" s="594" t="s">
        <v>128</v>
      </c>
      <c r="C2" s="594"/>
      <c r="D2" s="594"/>
      <c r="E2" s="594"/>
      <c r="F2" s="594"/>
      <c r="G2" s="594"/>
      <c r="H2" s="10"/>
      <c r="I2" s="10"/>
      <c r="J2" s="10"/>
      <c r="K2" s="10"/>
      <c r="L2" s="10"/>
      <c r="M2" s="10"/>
      <c r="N2" s="595" t="s">
        <v>131</v>
      </c>
      <c r="O2" s="595"/>
      <c r="P2" s="595"/>
      <c r="Q2" s="10"/>
    </row>
    <row r="3" spans="1:17" ht="8.25" customHeight="1" x14ac:dyDescent="0.15">
      <c r="A3" s="592"/>
      <c r="B3" s="525" t="s">
        <v>79</v>
      </c>
      <c r="C3" s="552"/>
      <c r="D3" s="252"/>
      <c r="E3" s="525" t="s">
        <v>80</v>
      </c>
      <c r="F3" s="622"/>
      <c r="G3" s="253"/>
      <c r="H3" s="254"/>
      <c r="I3" s="583" t="s">
        <v>81</v>
      </c>
      <c r="J3" s="605"/>
      <c r="K3" s="253"/>
      <c r="L3" s="254"/>
      <c r="M3" s="583" t="s">
        <v>82</v>
      </c>
      <c r="N3" s="583"/>
      <c r="O3" s="255"/>
      <c r="P3" s="524" t="s">
        <v>83</v>
      </c>
    </row>
    <row r="4" spans="1:17" ht="8.25" customHeight="1" x14ac:dyDescent="0.15">
      <c r="A4" s="592"/>
      <c r="B4" s="527"/>
      <c r="C4" s="553"/>
      <c r="D4" s="256"/>
      <c r="E4" s="623"/>
      <c r="F4" s="623"/>
      <c r="G4" s="257"/>
      <c r="H4" s="258"/>
      <c r="I4" s="606"/>
      <c r="J4" s="606"/>
      <c r="K4" s="259"/>
      <c r="L4" s="258"/>
      <c r="M4" s="584"/>
      <c r="N4" s="584"/>
      <c r="O4" s="260"/>
      <c r="P4" s="526"/>
    </row>
    <row r="5" spans="1:17" ht="8.25" customHeight="1" x14ac:dyDescent="0.15">
      <c r="A5" s="592"/>
      <c r="B5" s="527"/>
      <c r="C5" s="553"/>
      <c r="D5" s="624" t="s">
        <v>132</v>
      </c>
      <c r="E5" s="627" t="s">
        <v>133</v>
      </c>
      <c r="F5" s="628"/>
      <c r="G5" s="261"/>
      <c r="H5" s="624" t="s">
        <v>132</v>
      </c>
      <c r="I5" s="627" t="s">
        <v>134</v>
      </c>
      <c r="J5" s="628"/>
      <c r="K5" s="261"/>
      <c r="L5" s="624" t="s">
        <v>132</v>
      </c>
      <c r="M5" s="627" t="s">
        <v>134</v>
      </c>
      <c r="N5" s="628"/>
      <c r="O5" s="261"/>
      <c r="P5" s="526"/>
    </row>
    <row r="6" spans="1:17" ht="8.25" customHeight="1" x14ac:dyDescent="0.15">
      <c r="A6" s="592"/>
      <c r="B6" s="527"/>
      <c r="C6" s="553"/>
      <c r="D6" s="625"/>
      <c r="E6" s="629"/>
      <c r="F6" s="630"/>
      <c r="G6" s="257"/>
      <c r="H6" s="625"/>
      <c r="I6" s="629"/>
      <c r="J6" s="630"/>
      <c r="K6" s="257"/>
      <c r="L6" s="625"/>
      <c r="M6" s="629"/>
      <c r="N6" s="630"/>
      <c r="O6" s="262"/>
      <c r="P6" s="526"/>
    </row>
    <row r="7" spans="1:17" ht="10.5" customHeight="1" x14ac:dyDescent="0.15">
      <c r="A7" s="592"/>
      <c r="B7" s="527"/>
      <c r="C7" s="553"/>
      <c r="D7" s="625"/>
      <c r="E7" s="166"/>
      <c r="F7" s="165" t="s">
        <v>135</v>
      </c>
      <c r="G7" s="263" t="s">
        <v>136</v>
      </c>
      <c r="H7" s="625"/>
      <c r="I7" s="166"/>
      <c r="J7" s="165" t="s">
        <v>135</v>
      </c>
      <c r="K7" s="263" t="s">
        <v>136</v>
      </c>
      <c r="L7" s="625"/>
      <c r="M7" s="166"/>
      <c r="N7" s="165" t="s">
        <v>135</v>
      </c>
      <c r="O7" s="263" t="s">
        <v>136</v>
      </c>
      <c r="P7" s="526"/>
    </row>
    <row r="8" spans="1:17" ht="10.5" customHeight="1" x14ac:dyDescent="0.15">
      <c r="A8" s="592"/>
      <c r="B8" s="554"/>
      <c r="C8" s="555"/>
      <c r="D8" s="626"/>
      <c r="E8" s="166"/>
      <c r="F8" s="166" t="s">
        <v>137</v>
      </c>
      <c r="G8" s="263" t="s">
        <v>137</v>
      </c>
      <c r="H8" s="626"/>
      <c r="I8" s="166"/>
      <c r="J8" s="166" t="s">
        <v>137</v>
      </c>
      <c r="K8" s="263" t="s">
        <v>137</v>
      </c>
      <c r="L8" s="626"/>
      <c r="M8" s="166"/>
      <c r="N8" s="166" t="s">
        <v>137</v>
      </c>
      <c r="O8" s="263" t="s">
        <v>137</v>
      </c>
      <c r="P8" s="258"/>
    </row>
    <row r="9" spans="1:17" ht="13.5" customHeight="1" x14ac:dyDescent="0.15">
      <c r="A9" s="592"/>
      <c r="B9" s="167" t="s">
        <v>88</v>
      </c>
      <c r="C9" s="168" t="s">
        <v>89</v>
      </c>
      <c r="D9" s="264">
        <v>18.100000000000001</v>
      </c>
      <c r="E9" s="265">
        <v>143.30000000000001</v>
      </c>
      <c r="F9" s="265">
        <v>131</v>
      </c>
      <c r="G9" s="266">
        <v>12.3</v>
      </c>
      <c r="H9" s="264">
        <v>18.899999999999999</v>
      </c>
      <c r="I9" s="265">
        <v>159.1</v>
      </c>
      <c r="J9" s="265">
        <v>142.5</v>
      </c>
      <c r="K9" s="266">
        <v>16.600000000000001</v>
      </c>
      <c r="L9" s="264">
        <v>17.100000000000001</v>
      </c>
      <c r="M9" s="265">
        <v>123.5</v>
      </c>
      <c r="N9" s="265">
        <v>116.5</v>
      </c>
      <c r="O9" s="266">
        <v>7</v>
      </c>
      <c r="P9" s="167" t="s">
        <v>88</v>
      </c>
    </row>
    <row r="10" spans="1:17" ht="6.75" customHeight="1" x14ac:dyDescent="0.15">
      <c r="A10" s="592"/>
      <c r="B10" s="172"/>
      <c r="C10" s="173"/>
      <c r="D10" s="267"/>
      <c r="E10" s="268"/>
      <c r="F10" s="268"/>
      <c r="G10" s="269"/>
      <c r="H10" s="267"/>
      <c r="I10" s="268"/>
      <c r="J10" s="268"/>
      <c r="K10" s="269"/>
      <c r="L10" s="267"/>
      <c r="M10" s="268"/>
      <c r="N10" s="268"/>
      <c r="O10" s="269"/>
      <c r="P10" s="172"/>
    </row>
    <row r="11" spans="1:17" ht="13.5" customHeight="1" x14ac:dyDescent="0.15">
      <c r="A11" s="592"/>
      <c r="B11" s="172" t="s">
        <v>90</v>
      </c>
      <c r="C11" s="177" t="s">
        <v>1</v>
      </c>
      <c r="D11" s="267">
        <v>19.600000000000001</v>
      </c>
      <c r="E11" s="268">
        <v>169.6</v>
      </c>
      <c r="F11" s="268">
        <v>148.69999999999999</v>
      </c>
      <c r="G11" s="269">
        <v>20.9</v>
      </c>
      <c r="H11" s="267">
        <v>19.8</v>
      </c>
      <c r="I11" s="268">
        <v>173.3</v>
      </c>
      <c r="J11" s="268">
        <v>150.69999999999999</v>
      </c>
      <c r="K11" s="269">
        <v>22.6</v>
      </c>
      <c r="L11" s="267">
        <v>18</v>
      </c>
      <c r="M11" s="268">
        <v>147</v>
      </c>
      <c r="N11" s="268">
        <v>136.69999999999999</v>
      </c>
      <c r="O11" s="269">
        <v>10.3</v>
      </c>
      <c r="P11" s="172" t="s">
        <v>90</v>
      </c>
    </row>
    <row r="12" spans="1:17" ht="13.5" customHeight="1" x14ac:dyDescent="0.15">
      <c r="A12" s="592"/>
      <c r="B12" s="167" t="s">
        <v>91</v>
      </c>
      <c r="C12" s="168" t="s">
        <v>2</v>
      </c>
      <c r="D12" s="242">
        <v>19.5</v>
      </c>
      <c r="E12" s="243">
        <v>167.2</v>
      </c>
      <c r="F12" s="243">
        <v>150.80000000000001</v>
      </c>
      <c r="G12" s="244">
        <v>16.399999999999999</v>
      </c>
      <c r="H12" s="242">
        <v>19.8</v>
      </c>
      <c r="I12" s="243">
        <v>172.3</v>
      </c>
      <c r="J12" s="243">
        <v>154.5</v>
      </c>
      <c r="K12" s="244">
        <v>17.8</v>
      </c>
      <c r="L12" s="242">
        <v>18.5</v>
      </c>
      <c r="M12" s="243">
        <v>150.4</v>
      </c>
      <c r="N12" s="243">
        <v>138.69999999999999</v>
      </c>
      <c r="O12" s="244">
        <v>11.7</v>
      </c>
      <c r="P12" s="167" t="s">
        <v>91</v>
      </c>
    </row>
    <row r="13" spans="1:17" ht="13.5" customHeight="1" x14ac:dyDescent="0.15">
      <c r="A13" s="592"/>
      <c r="B13" s="172" t="s">
        <v>92</v>
      </c>
      <c r="C13" s="177" t="s">
        <v>3</v>
      </c>
      <c r="D13" s="267">
        <v>19.8</v>
      </c>
      <c r="E13" s="268">
        <v>161.5</v>
      </c>
      <c r="F13" s="268">
        <v>149.69999999999999</v>
      </c>
      <c r="G13" s="269">
        <v>11.8</v>
      </c>
      <c r="H13" s="267">
        <v>20.100000000000001</v>
      </c>
      <c r="I13" s="268">
        <v>164.7</v>
      </c>
      <c r="J13" s="268">
        <v>152.1</v>
      </c>
      <c r="K13" s="269">
        <v>12.6</v>
      </c>
      <c r="L13" s="267">
        <v>17.8</v>
      </c>
      <c r="M13" s="268">
        <v>135.9</v>
      </c>
      <c r="N13" s="268">
        <v>130.4</v>
      </c>
      <c r="O13" s="269">
        <v>5.5</v>
      </c>
      <c r="P13" s="172" t="s">
        <v>92</v>
      </c>
    </row>
    <row r="14" spans="1:17" ht="13.5" customHeight="1" x14ac:dyDescent="0.15">
      <c r="A14" s="592"/>
      <c r="B14" s="167" t="s">
        <v>93</v>
      </c>
      <c r="C14" s="168" t="s">
        <v>4</v>
      </c>
      <c r="D14" s="242">
        <v>19.100000000000001</v>
      </c>
      <c r="E14" s="243">
        <v>162.6</v>
      </c>
      <c r="F14" s="243">
        <v>144.4</v>
      </c>
      <c r="G14" s="244">
        <v>18.2</v>
      </c>
      <c r="H14" s="242">
        <v>19.3</v>
      </c>
      <c r="I14" s="243">
        <v>167.2</v>
      </c>
      <c r="J14" s="243">
        <v>147.5</v>
      </c>
      <c r="K14" s="244">
        <v>19.7</v>
      </c>
      <c r="L14" s="242">
        <v>18.399999999999999</v>
      </c>
      <c r="M14" s="243">
        <v>148.4</v>
      </c>
      <c r="N14" s="243">
        <v>134.69999999999999</v>
      </c>
      <c r="O14" s="244">
        <v>13.7</v>
      </c>
      <c r="P14" s="167" t="s">
        <v>93</v>
      </c>
    </row>
    <row r="15" spans="1:17" ht="13.5" customHeight="1" x14ac:dyDescent="0.15">
      <c r="A15" s="592"/>
      <c r="B15" s="172" t="s">
        <v>94</v>
      </c>
      <c r="C15" s="177" t="s">
        <v>5</v>
      </c>
      <c r="D15" s="267">
        <v>19.600000000000001</v>
      </c>
      <c r="E15" s="268">
        <v>169.2</v>
      </c>
      <c r="F15" s="268">
        <v>144.30000000000001</v>
      </c>
      <c r="G15" s="269">
        <v>24.9</v>
      </c>
      <c r="H15" s="267">
        <v>20</v>
      </c>
      <c r="I15" s="268">
        <v>179.6</v>
      </c>
      <c r="J15" s="268">
        <v>149.9</v>
      </c>
      <c r="K15" s="269">
        <v>29.7</v>
      </c>
      <c r="L15" s="267">
        <v>18.3</v>
      </c>
      <c r="M15" s="268">
        <v>137.5</v>
      </c>
      <c r="N15" s="268">
        <v>127.1</v>
      </c>
      <c r="O15" s="269">
        <v>10.4</v>
      </c>
      <c r="P15" s="172" t="s">
        <v>94</v>
      </c>
    </row>
    <row r="16" spans="1:17" ht="13.5" customHeight="1" x14ac:dyDescent="0.15">
      <c r="A16" s="592"/>
      <c r="B16" s="167" t="s">
        <v>95</v>
      </c>
      <c r="C16" s="168" t="s">
        <v>6</v>
      </c>
      <c r="D16" s="242">
        <v>17.7</v>
      </c>
      <c r="E16" s="243">
        <v>129.80000000000001</v>
      </c>
      <c r="F16" s="243">
        <v>121.1</v>
      </c>
      <c r="G16" s="244">
        <v>8.6999999999999993</v>
      </c>
      <c r="H16" s="242">
        <v>18.600000000000001</v>
      </c>
      <c r="I16" s="243">
        <v>153.19999999999999</v>
      </c>
      <c r="J16" s="243">
        <v>139.4</v>
      </c>
      <c r="K16" s="244">
        <v>13.8</v>
      </c>
      <c r="L16" s="242">
        <v>17</v>
      </c>
      <c r="M16" s="243">
        <v>109.8</v>
      </c>
      <c r="N16" s="243">
        <v>105.4</v>
      </c>
      <c r="O16" s="244">
        <v>4.4000000000000004</v>
      </c>
      <c r="P16" s="167" t="s">
        <v>95</v>
      </c>
    </row>
    <row r="17" spans="1:16" ht="13.5" customHeight="1" x14ac:dyDescent="0.15">
      <c r="A17" s="592"/>
      <c r="B17" s="172" t="s">
        <v>96</v>
      </c>
      <c r="C17" s="177" t="s">
        <v>7</v>
      </c>
      <c r="D17" s="267">
        <v>19</v>
      </c>
      <c r="E17" s="268">
        <v>142</v>
      </c>
      <c r="F17" s="268">
        <v>132.4</v>
      </c>
      <c r="G17" s="269">
        <v>9.6</v>
      </c>
      <c r="H17" s="267">
        <v>20.3</v>
      </c>
      <c r="I17" s="268">
        <v>170.9</v>
      </c>
      <c r="J17" s="268">
        <v>153</v>
      </c>
      <c r="K17" s="269">
        <v>17.899999999999999</v>
      </c>
      <c r="L17" s="267">
        <v>18.7</v>
      </c>
      <c r="M17" s="268">
        <v>135.1</v>
      </c>
      <c r="N17" s="268">
        <v>127.5</v>
      </c>
      <c r="O17" s="269">
        <v>7.6</v>
      </c>
      <c r="P17" s="172" t="s">
        <v>96</v>
      </c>
    </row>
    <row r="18" spans="1:16" ht="13.5" customHeight="1" x14ac:dyDescent="0.15">
      <c r="A18" s="592"/>
      <c r="B18" s="167" t="s">
        <v>97</v>
      </c>
      <c r="C18" s="168" t="s">
        <v>8</v>
      </c>
      <c r="D18" s="242">
        <v>19.7</v>
      </c>
      <c r="E18" s="243">
        <v>150.4</v>
      </c>
      <c r="F18" s="243">
        <v>138.5</v>
      </c>
      <c r="G18" s="244">
        <v>11.9</v>
      </c>
      <c r="H18" s="242">
        <v>20.5</v>
      </c>
      <c r="I18" s="243">
        <v>163</v>
      </c>
      <c r="J18" s="243">
        <v>149.19999999999999</v>
      </c>
      <c r="K18" s="244">
        <v>13.8</v>
      </c>
      <c r="L18" s="242">
        <v>18.5</v>
      </c>
      <c r="M18" s="243">
        <v>133.1</v>
      </c>
      <c r="N18" s="243">
        <v>123.8</v>
      </c>
      <c r="O18" s="244">
        <v>9.3000000000000007</v>
      </c>
      <c r="P18" s="167" t="s">
        <v>97</v>
      </c>
    </row>
    <row r="19" spans="1:16" ht="13.5" customHeight="1" x14ac:dyDescent="0.15">
      <c r="A19" s="592"/>
      <c r="B19" s="172" t="s">
        <v>98</v>
      </c>
      <c r="C19" s="177" t="s">
        <v>9</v>
      </c>
      <c r="D19" s="267">
        <v>19.600000000000001</v>
      </c>
      <c r="E19" s="268">
        <v>168.6</v>
      </c>
      <c r="F19" s="268">
        <v>153.1</v>
      </c>
      <c r="G19" s="269">
        <v>15.5</v>
      </c>
      <c r="H19" s="267">
        <v>19.7</v>
      </c>
      <c r="I19" s="268">
        <v>170.3</v>
      </c>
      <c r="J19" s="268">
        <v>154.19999999999999</v>
      </c>
      <c r="K19" s="269">
        <v>16.100000000000001</v>
      </c>
      <c r="L19" s="267">
        <v>19.2</v>
      </c>
      <c r="M19" s="268">
        <v>160.30000000000001</v>
      </c>
      <c r="N19" s="268">
        <v>147.80000000000001</v>
      </c>
      <c r="O19" s="269">
        <v>12.5</v>
      </c>
      <c r="P19" s="172" t="s">
        <v>98</v>
      </c>
    </row>
    <row r="20" spans="1:16" ht="13.5" customHeight="1" x14ac:dyDescent="0.15">
      <c r="A20" s="592"/>
      <c r="B20" s="167" t="s">
        <v>99</v>
      </c>
      <c r="C20" s="168" t="s">
        <v>10</v>
      </c>
      <c r="D20" s="242">
        <v>14.6</v>
      </c>
      <c r="E20" s="243">
        <v>101.2</v>
      </c>
      <c r="F20" s="243">
        <v>95.7</v>
      </c>
      <c r="G20" s="244">
        <v>5.5</v>
      </c>
      <c r="H20" s="242">
        <v>14.9</v>
      </c>
      <c r="I20" s="243">
        <v>116</v>
      </c>
      <c r="J20" s="243">
        <v>108.6</v>
      </c>
      <c r="K20" s="244">
        <v>7.4</v>
      </c>
      <c r="L20" s="242">
        <v>14.3</v>
      </c>
      <c r="M20" s="243">
        <v>90.2</v>
      </c>
      <c r="N20" s="243">
        <v>86.1</v>
      </c>
      <c r="O20" s="244">
        <v>4.0999999999999996</v>
      </c>
      <c r="P20" s="167" t="s">
        <v>99</v>
      </c>
    </row>
    <row r="21" spans="1:16" ht="13.5" customHeight="1" x14ac:dyDescent="0.15">
      <c r="A21" s="592"/>
      <c r="B21" s="172" t="s">
        <v>100</v>
      </c>
      <c r="C21" s="177" t="s">
        <v>11</v>
      </c>
      <c r="D21" s="267">
        <v>16.5</v>
      </c>
      <c r="E21" s="268">
        <v>114.6</v>
      </c>
      <c r="F21" s="268">
        <v>108.6</v>
      </c>
      <c r="G21" s="269">
        <v>6</v>
      </c>
      <c r="H21" s="267">
        <v>16.7</v>
      </c>
      <c r="I21" s="268">
        <v>131.19999999999999</v>
      </c>
      <c r="J21" s="268">
        <v>122.7</v>
      </c>
      <c r="K21" s="269">
        <v>8.5</v>
      </c>
      <c r="L21" s="267">
        <v>16.3</v>
      </c>
      <c r="M21" s="268">
        <v>100.5</v>
      </c>
      <c r="N21" s="268">
        <v>96.7</v>
      </c>
      <c r="O21" s="269">
        <v>3.8</v>
      </c>
      <c r="P21" s="172" t="s">
        <v>100</v>
      </c>
    </row>
    <row r="22" spans="1:16" ht="13.5" customHeight="1" x14ac:dyDescent="0.15">
      <c r="A22" s="592"/>
      <c r="B22" s="167" t="s">
        <v>101</v>
      </c>
      <c r="C22" s="168" t="s">
        <v>12</v>
      </c>
      <c r="D22" s="242">
        <v>16.2</v>
      </c>
      <c r="E22" s="243">
        <v>128.4</v>
      </c>
      <c r="F22" s="243">
        <v>113.3</v>
      </c>
      <c r="G22" s="244">
        <v>15.1</v>
      </c>
      <c r="H22" s="242">
        <v>16.7</v>
      </c>
      <c r="I22" s="243">
        <v>130.5</v>
      </c>
      <c r="J22" s="243">
        <v>113.4</v>
      </c>
      <c r="K22" s="244">
        <v>17.100000000000001</v>
      </c>
      <c r="L22" s="242">
        <v>15.8</v>
      </c>
      <c r="M22" s="243">
        <v>126.5</v>
      </c>
      <c r="N22" s="243">
        <v>113.2</v>
      </c>
      <c r="O22" s="244">
        <v>13.3</v>
      </c>
      <c r="P22" s="167" t="s">
        <v>101</v>
      </c>
    </row>
    <row r="23" spans="1:16" ht="13.5" customHeight="1" x14ac:dyDescent="0.15">
      <c r="A23" s="592"/>
      <c r="B23" s="172" t="s">
        <v>102</v>
      </c>
      <c r="C23" s="177" t="s">
        <v>13</v>
      </c>
      <c r="D23" s="267">
        <v>17.899999999999999</v>
      </c>
      <c r="E23" s="268">
        <v>139.30000000000001</v>
      </c>
      <c r="F23" s="268">
        <v>131</v>
      </c>
      <c r="G23" s="269">
        <v>8.3000000000000007</v>
      </c>
      <c r="H23" s="267">
        <v>18.899999999999999</v>
      </c>
      <c r="I23" s="268">
        <v>154.4</v>
      </c>
      <c r="J23" s="268">
        <v>141</v>
      </c>
      <c r="K23" s="269">
        <v>13.4</v>
      </c>
      <c r="L23" s="267">
        <v>17.5</v>
      </c>
      <c r="M23" s="268">
        <v>132.80000000000001</v>
      </c>
      <c r="N23" s="268">
        <v>126.7</v>
      </c>
      <c r="O23" s="269">
        <v>6.1</v>
      </c>
      <c r="P23" s="172" t="s">
        <v>102</v>
      </c>
    </row>
    <row r="24" spans="1:16" ht="13.5" customHeight="1" x14ac:dyDescent="0.15">
      <c r="A24" s="592"/>
      <c r="B24" s="167" t="s">
        <v>103</v>
      </c>
      <c r="C24" s="168" t="s">
        <v>14</v>
      </c>
      <c r="D24" s="242">
        <v>19.399999999999999</v>
      </c>
      <c r="E24" s="243">
        <v>155.30000000000001</v>
      </c>
      <c r="F24" s="243">
        <v>143.6</v>
      </c>
      <c r="G24" s="244">
        <v>11.7</v>
      </c>
      <c r="H24" s="242">
        <v>19.399999999999999</v>
      </c>
      <c r="I24" s="243">
        <v>162.5</v>
      </c>
      <c r="J24" s="243">
        <v>148.4</v>
      </c>
      <c r="K24" s="244">
        <v>14.1</v>
      </c>
      <c r="L24" s="242">
        <v>19.2</v>
      </c>
      <c r="M24" s="243">
        <v>140</v>
      </c>
      <c r="N24" s="243">
        <v>133.4</v>
      </c>
      <c r="O24" s="244">
        <v>6.6</v>
      </c>
      <c r="P24" s="167" t="s">
        <v>103</v>
      </c>
    </row>
    <row r="25" spans="1:16" ht="13.5" customHeight="1" x14ac:dyDescent="0.15">
      <c r="A25" s="592"/>
      <c r="B25" s="172" t="s">
        <v>104</v>
      </c>
      <c r="C25" s="177" t="s">
        <v>15</v>
      </c>
      <c r="D25" s="267">
        <v>17.5</v>
      </c>
      <c r="E25" s="268">
        <v>130.4</v>
      </c>
      <c r="F25" s="268">
        <v>122.4</v>
      </c>
      <c r="G25" s="269">
        <v>8</v>
      </c>
      <c r="H25" s="267">
        <v>18.2</v>
      </c>
      <c r="I25" s="268">
        <v>147.1</v>
      </c>
      <c r="J25" s="268">
        <v>135.69999999999999</v>
      </c>
      <c r="K25" s="269">
        <v>11.4</v>
      </c>
      <c r="L25" s="267">
        <v>16.600000000000001</v>
      </c>
      <c r="M25" s="268">
        <v>109.2</v>
      </c>
      <c r="N25" s="268">
        <v>105.5</v>
      </c>
      <c r="O25" s="269">
        <v>3.7</v>
      </c>
      <c r="P25" s="172" t="s">
        <v>104</v>
      </c>
    </row>
    <row r="26" spans="1:16" ht="6.75" customHeight="1" x14ac:dyDescent="0.15">
      <c r="A26" s="592"/>
      <c r="B26" s="172"/>
      <c r="C26" s="177"/>
      <c r="D26" s="239"/>
      <c r="E26" s="240"/>
      <c r="F26" s="240"/>
      <c r="G26" s="241"/>
      <c r="H26" s="239"/>
      <c r="I26" s="240"/>
      <c r="J26" s="240"/>
      <c r="K26" s="241"/>
      <c r="L26" s="239"/>
      <c r="M26" s="240"/>
      <c r="N26" s="240"/>
      <c r="O26" s="241"/>
      <c r="P26" s="172"/>
    </row>
    <row r="27" spans="1:16" ht="13.5" customHeight="1" x14ac:dyDescent="0.15">
      <c r="A27" s="592"/>
      <c r="B27" s="167" t="s">
        <v>105</v>
      </c>
      <c r="C27" s="168" t="s">
        <v>16</v>
      </c>
      <c r="D27" s="242">
        <v>18.5</v>
      </c>
      <c r="E27" s="243">
        <v>155.69999999999999</v>
      </c>
      <c r="F27" s="243">
        <v>138.9</v>
      </c>
      <c r="G27" s="244">
        <v>16.8</v>
      </c>
      <c r="H27" s="242">
        <v>19.899999999999999</v>
      </c>
      <c r="I27" s="243">
        <v>172.3</v>
      </c>
      <c r="J27" s="243">
        <v>152.6</v>
      </c>
      <c r="K27" s="244">
        <v>19.7</v>
      </c>
      <c r="L27" s="242">
        <v>17.399999999999999</v>
      </c>
      <c r="M27" s="243">
        <v>143.5</v>
      </c>
      <c r="N27" s="243">
        <v>128.9</v>
      </c>
      <c r="O27" s="244">
        <v>14.6</v>
      </c>
      <c r="P27" s="167" t="s">
        <v>105</v>
      </c>
    </row>
    <row r="28" spans="1:16" ht="13.5" customHeight="1" x14ac:dyDescent="0.15">
      <c r="A28" s="592"/>
      <c r="B28" s="172" t="s">
        <v>106</v>
      </c>
      <c r="C28" s="177" t="s">
        <v>17</v>
      </c>
      <c r="D28" s="239">
        <v>20.2</v>
      </c>
      <c r="E28" s="240">
        <v>154.1</v>
      </c>
      <c r="F28" s="240">
        <v>149.30000000000001</v>
      </c>
      <c r="G28" s="241">
        <v>4.8</v>
      </c>
      <c r="H28" s="239">
        <v>21</v>
      </c>
      <c r="I28" s="240">
        <v>167.3</v>
      </c>
      <c r="J28" s="240">
        <v>160.5</v>
      </c>
      <c r="K28" s="241">
        <v>6.8</v>
      </c>
      <c r="L28" s="239">
        <v>19.5</v>
      </c>
      <c r="M28" s="240">
        <v>141.80000000000001</v>
      </c>
      <c r="N28" s="240">
        <v>138.80000000000001</v>
      </c>
      <c r="O28" s="241">
        <v>3</v>
      </c>
      <c r="P28" s="172" t="s">
        <v>106</v>
      </c>
    </row>
    <row r="29" spans="1:16" ht="13.5" customHeight="1" x14ac:dyDescent="0.15">
      <c r="A29" s="592"/>
      <c r="B29" s="167" t="s">
        <v>107</v>
      </c>
      <c r="C29" s="168" t="s">
        <v>18</v>
      </c>
      <c r="D29" s="242">
        <v>20.9</v>
      </c>
      <c r="E29" s="243">
        <v>177.8</v>
      </c>
      <c r="F29" s="243">
        <v>158</v>
      </c>
      <c r="G29" s="244">
        <v>19.8</v>
      </c>
      <c r="H29" s="242">
        <v>21.3</v>
      </c>
      <c r="I29" s="243">
        <v>188.2</v>
      </c>
      <c r="J29" s="243">
        <v>165.7</v>
      </c>
      <c r="K29" s="244">
        <v>22.5</v>
      </c>
      <c r="L29" s="242">
        <v>19.5</v>
      </c>
      <c r="M29" s="243">
        <v>142.19999999999999</v>
      </c>
      <c r="N29" s="243">
        <v>131.69999999999999</v>
      </c>
      <c r="O29" s="244">
        <v>10.5</v>
      </c>
      <c r="P29" s="167" t="s">
        <v>107</v>
      </c>
    </row>
    <row r="30" spans="1:16" ht="13.5" customHeight="1" x14ac:dyDescent="0.15">
      <c r="A30" s="592"/>
      <c r="B30" s="172" t="s">
        <v>108</v>
      </c>
      <c r="C30" s="177" t="s">
        <v>19</v>
      </c>
      <c r="D30" s="267">
        <v>19.8</v>
      </c>
      <c r="E30" s="268">
        <v>168.8</v>
      </c>
      <c r="F30" s="268">
        <v>153.6</v>
      </c>
      <c r="G30" s="269">
        <v>15.2</v>
      </c>
      <c r="H30" s="267">
        <v>20</v>
      </c>
      <c r="I30" s="268">
        <v>177.1</v>
      </c>
      <c r="J30" s="268">
        <v>158</v>
      </c>
      <c r="K30" s="269">
        <v>19.100000000000001</v>
      </c>
      <c r="L30" s="267">
        <v>19.3</v>
      </c>
      <c r="M30" s="268">
        <v>148.19999999999999</v>
      </c>
      <c r="N30" s="268">
        <v>142.69999999999999</v>
      </c>
      <c r="O30" s="269">
        <v>5.5</v>
      </c>
      <c r="P30" s="172" t="s">
        <v>108</v>
      </c>
    </row>
    <row r="31" spans="1:16" ht="13.5" customHeight="1" x14ac:dyDescent="0.15">
      <c r="A31" s="592"/>
      <c r="B31" s="167" t="s">
        <v>109</v>
      </c>
      <c r="C31" s="168" t="s">
        <v>20</v>
      </c>
      <c r="D31" s="242">
        <v>19.5</v>
      </c>
      <c r="E31" s="243">
        <v>170.1</v>
      </c>
      <c r="F31" s="243">
        <v>152.1</v>
      </c>
      <c r="G31" s="244">
        <v>18</v>
      </c>
      <c r="H31" s="242">
        <v>19.8</v>
      </c>
      <c r="I31" s="243">
        <v>176.2</v>
      </c>
      <c r="J31" s="243">
        <v>155.30000000000001</v>
      </c>
      <c r="K31" s="244">
        <v>20.9</v>
      </c>
      <c r="L31" s="242">
        <v>18.7</v>
      </c>
      <c r="M31" s="243">
        <v>148.1</v>
      </c>
      <c r="N31" s="243">
        <v>140.5</v>
      </c>
      <c r="O31" s="244">
        <v>7.6</v>
      </c>
      <c r="P31" s="167" t="s">
        <v>109</v>
      </c>
    </row>
    <row r="32" spans="1:16" ht="13.5" customHeight="1" x14ac:dyDescent="0.15">
      <c r="A32" s="592"/>
      <c r="B32" s="172" t="s">
        <v>110</v>
      </c>
      <c r="C32" s="177" t="s">
        <v>21</v>
      </c>
      <c r="D32" s="267">
        <v>20.2</v>
      </c>
      <c r="E32" s="268">
        <v>168.3</v>
      </c>
      <c r="F32" s="268">
        <v>152.9</v>
      </c>
      <c r="G32" s="269">
        <v>15.4</v>
      </c>
      <c r="H32" s="267">
        <v>20.3</v>
      </c>
      <c r="I32" s="268">
        <v>169.9</v>
      </c>
      <c r="J32" s="268">
        <v>153.4</v>
      </c>
      <c r="K32" s="269">
        <v>16.5</v>
      </c>
      <c r="L32" s="267">
        <v>20</v>
      </c>
      <c r="M32" s="268">
        <v>161.19999999999999</v>
      </c>
      <c r="N32" s="268">
        <v>150.69999999999999</v>
      </c>
      <c r="O32" s="269">
        <v>10.5</v>
      </c>
      <c r="P32" s="172" t="s">
        <v>110</v>
      </c>
    </row>
    <row r="33" spans="1:16" ht="13.5" customHeight="1" x14ac:dyDescent="0.15">
      <c r="A33" s="592"/>
      <c r="B33" s="167" t="s">
        <v>111</v>
      </c>
      <c r="C33" s="168" t="s">
        <v>22</v>
      </c>
      <c r="D33" s="242">
        <v>19.399999999999999</v>
      </c>
      <c r="E33" s="243">
        <v>165</v>
      </c>
      <c r="F33" s="243">
        <v>146.6</v>
      </c>
      <c r="G33" s="244">
        <v>18.399999999999999</v>
      </c>
      <c r="H33" s="242">
        <v>20.2</v>
      </c>
      <c r="I33" s="243">
        <v>177</v>
      </c>
      <c r="J33" s="243">
        <v>155.30000000000001</v>
      </c>
      <c r="K33" s="244">
        <v>21.7</v>
      </c>
      <c r="L33" s="242">
        <v>18</v>
      </c>
      <c r="M33" s="243">
        <v>144.4</v>
      </c>
      <c r="N33" s="243">
        <v>131.6</v>
      </c>
      <c r="O33" s="244">
        <v>12.8</v>
      </c>
      <c r="P33" s="167" t="s">
        <v>111</v>
      </c>
    </row>
    <row r="34" spans="1:16" ht="13.5" customHeight="1" x14ac:dyDescent="0.15">
      <c r="A34" s="592"/>
      <c r="B34" s="172" t="s">
        <v>112</v>
      </c>
      <c r="C34" s="177" t="s">
        <v>23</v>
      </c>
      <c r="D34" s="267">
        <v>19</v>
      </c>
      <c r="E34" s="268">
        <v>161.19999999999999</v>
      </c>
      <c r="F34" s="268">
        <v>148.6</v>
      </c>
      <c r="G34" s="269">
        <v>12.6</v>
      </c>
      <c r="H34" s="267">
        <v>19.2</v>
      </c>
      <c r="I34" s="268">
        <v>163.1</v>
      </c>
      <c r="J34" s="268">
        <v>149.69999999999999</v>
      </c>
      <c r="K34" s="269">
        <v>13.4</v>
      </c>
      <c r="L34" s="267">
        <v>17.899999999999999</v>
      </c>
      <c r="M34" s="268">
        <v>151.19999999999999</v>
      </c>
      <c r="N34" s="268">
        <v>142.69999999999999</v>
      </c>
      <c r="O34" s="269">
        <v>8.5</v>
      </c>
      <c r="P34" s="172" t="s">
        <v>112</v>
      </c>
    </row>
    <row r="35" spans="1:16" ht="13.5" customHeight="1" x14ac:dyDescent="0.15">
      <c r="A35" s="592"/>
      <c r="B35" s="167" t="s">
        <v>113</v>
      </c>
      <c r="C35" s="168" t="s">
        <v>24</v>
      </c>
      <c r="D35" s="242">
        <v>20</v>
      </c>
      <c r="E35" s="243">
        <v>162.1</v>
      </c>
      <c r="F35" s="243">
        <v>152.80000000000001</v>
      </c>
      <c r="G35" s="244">
        <v>9.3000000000000007</v>
      </c>
      <c r="H35" s="242">
        <v>20.100000000000001</v>
      </c>
      <c r="I35" s="243">
        <v>165.2</v>
      </c>
      <c r="J35" s="243">
        <v>155.30000000000001</v>
      </c>
      <c r="K35" s="244">
        <v>9.9</v>
      </c>
      <c r="L35" s="242">
        <v>19.399999999999999</v>
      </c>
      <c r="M35" s="243">
        <v>150.19999999999999</v>
      </c>
      <c r="N35" s="243">
        <v>143</v>
      </c>
      <c r="O35" s="244">
        <v>7.2</v>
      </c>
      <c r="P35" s="167" t="s">
        <v>113</v>
      </c>
    </row>
    <row r="36" spans="1:16" ht="13.5" customHeight="1" x14ac:dyDescent="0.15">
      <c r="A36" s="592"/>
      <c r="B36" s="172" t="s">
        <v>114</v>
      </c>
      <c r="C36" s="177" t="s">
        <v>25</v>
      </c>
      <c r="D36" s="267">
        <v>20.399999999999999</v>
      </c>
      <c r="E36" s="268">
        <v>177.2</v>
      </c>
      <c r="F36" s="268">
        <v>153.69999999999999</v>
      </c>
      <c r="G36" s="269">
        <v>23.5</v>
      </c>
      <c r="H36" s="267">
        <v>20.5</v>
      </c>
      <c r="I36" s="268">
        <v>178.4</v>
      </c>
      <c r="J36" s="268">
        <v>153.80000000000001</v>
      </c>
      <c r="K36" s="269">
        <v>24.6</v>
      </c>
      <c r="L36" s="267">
        <v>19.899999999999999</v>
      </c>
      <c r="M36" s="268">
        <v>162.30000000000001</v>
      </c>
      <c r="N36" s="268">
        <v>152.69999999999999</v>
      </c>
      <c r="O36" s="269">
        <v>9.6</v>
      </c>
      <c r="P36" s="172" t="s">
        <v>114</v>
      </c>
    </row>
    <row r="37" spans="1:16" ht="13.5" customHeight="1" x14ac:dyDescent="0.15">
      <c r="A37" s="592"/>
      <c r="B37" s="167" t="s">
        <v>115</v>
      </c>
      <c r="C37" s="168" t="s">
        <v>26</v>
      </c>
      <c r="D37" s="242">
        <v>20.2</v>
      </c>
      <c r="E37" s="243">
        <v>180.4</v>
      </c>
      <c r="F37" s="243">
        <v>162.6</v>
      </c>
      <c r="G37" s="244">
        <v>17.8</v>
      </c>
      <c r="H37" s="242">
        <v>20.2</v>
      </c>
      <c r="I37" s="243">
        <v>182.1</v>
      </c>
      <c r="J37" s="243">
        <v>162.6</v>
      </c>
      <c r="K37" s="244">
        <v>19.5</v>
      </c>
      <c r="L37" s="242">
        <v>20.2</v>
      </c>
      <c r="M37" s="243">
        <v>173.4</v>
      </c>
      <c r="N37" s="243">
        <v>162.80000000000001</v>
      </c>
      <c r="O37" s="244">
        <v>10.6</v>
      </c>
      <c r="P37" s="167" t="s">
        <v>115</v>
      </c>
    </row>
    <row r="38" spans="1:16" ht="13.5" customHeight="1" x14ac:dyDescent="0.15">
      <c r="A38" s="592"/>
      <c r="B38" s="172" t="s">
        <v>116</v>
      </c>
      <c r="C38" s="177" t="s">
        <v>27</v>
      </c>
      <c r="D38" s="267">
        <v>18.600000000000001</v>
      </c>
      <c r="E38" s="268">
        <v>148.69999999999999</v>
      </c>
      <c r="F38" s="268">
        <v>142.1</v>
      </c>
      <c r="G38" s="269">
        <v>6.6</v>
      </c>
      <c r="H38" s="267">
        <v>18.899999999999999</v>
      </c>
      <c r="I38" s="268">
        <v>154</v>
      </c>
      <c r="J38" s="268">
        <v>146.19999999999999</v>
      </c>
      <c r="K38" s="269">
        <v>7.8</v>
      </c>
      <c r="L38" s="267">
        <v>17.600000000000001</v>
      </c>
      <c r="M38" s="268">
        <v>133.6</v>
      </c>
      <c r="N38" s="268">
        <v>130.4</v>
      </c>
      <c r="O38" s="269">
        <v>3.2</v>
      </c>
      <c r="P38" s="172" t="s">
        <v>116</v>
      </c>
    </row>
    <row r="39" spans="1:16" ht="13.5" customHeight="1" x14ac:dyDescent="0.15">
      <c r="A39" s="592"/>
      <c r="B39" s="167" t="s">
        <v>117</v>
      </c>
      <c r="C39" s="168" t="s">
        <v>28</v>
      </c>
      <c r="D39" s="242">
        <v>19.399999999999999</v>
      </c>
      <c r="E39" s="243">
        <v>170</v>
      </c>
      <c r="F39" s="243">
        <v>154.6</v>
      </c>
      <c r="G39" s="244">
        <v>15.4</v>
      </c>
      <c r="H39" s="242">
        <v>19.5</v>
      </c>
      <c r="I39" s="243">
        <v>172.8</v>
      </c>
      <c r="J39" s="243">
        <v>156.4</v>
      </c>
      <c r="K39" s="244">
        <v>16.399999999999999</v>
      </c>
      <c r="L39" s="242">
        <v>18.899999999999999</v>
      </c>
      <c r="M39" s="243">
        <v>156.19999999999999</v>
      </c>
      <c r="N39" s="243">
        <v>146</v>
      </c>
      <c r="O39" s="244">
        <v>10.199999999999999</v>
      </c>
      <c r="P39" s="167" t="s">
        <v>117</v>
      </c>
    </row>
    <row r="40" spans="1:16" ht="13.5" customHeight="1" x14ac:dyDescent="0.15">
      <c r="A40" s="592"/>
      <c r="B40" s="172" t="s">
        <v>118</v>
      </c>
      <c r="C40" s="177" t="s">
        <v>29</v>
      </c>
      <c r="D40" s="267">
        <v>20.3</v>
      </c>
      <c r="E40" s="268">
        <v>177.4</v>
      </c>
      <c r="F40" s="268">
        <v>157.80000000000001</v>
      </c>
      <c r="G40" s="269">
        <v>19.600000000000001</v>
      </c>
      <c r="H40" s="267">
        <v>20.3</v>
      </c>
      <c r="I40" s="268">
        <v>179.4</v>
      </c>
      <c r="J40" s="268">
        <v>158.80000000000001</v>
      </c>
      <c r="K40" s="269">
        <v>20.6</v>
      </c>
      <c r="L40" s="267">
        <v>20.2</v>
      </c>
      <c r="M40" s="268">
        <v>166.5</v>
      </c>
      <c r="N40" s="268">
        <v>152.6</v>
      </c>
      <c r="O40" s="269">
        <v>13.9</v>
      </c>
      <c r="P40" s="172" t="s">
        <v>118</v>
      </c>
    </row>
    <row r="41" spans="1:16" ht="13.5" customHeight="1" x14ac:dyDescent="0.15">
      <c r="A41" s="592"/>
      <c r="B41" s="167" t="s">
        <v>119</v>
      </c>
      <c r="C41" s="168" t="s">
        <v>30</v>
      </c>
      <c r="D41" s="242">
        <v>20.5</v>
      </c>
      <c r="E41" s="243">
        <v>174.9</v>
      </c>
      <c r="F41" s="243">
        <v>156.6</v>
      </c>
      <c r="G41" s="244">
        <v>18.3</v>
      </c>
      <c r="H41" s="242">
        <v>20.5</v>
      </c>
      <c r="I41" s="243">
        <v>177.9</v>
      </c>
      <c r="J41" s="243">
        <v>157.6</v>
      </c>
      <c r="K41" s="244">
        <v>20.3</v>
      </c>
      <c r="L41" s="242">
        <v>20.2</v>
      </c>
      <c r="M41" s="243">
        <v>163.69999999999999</v>
      </c>
      <c r="N41" s="243">
        <v>152.9</v>
      </c>
      <c r="O41" s="244">
        <v>10.8</v>
      </c>
      <c r="P41" s="167" t="s">
        <v>119</v>
      </c>
    </row>
    <row r="42" spans="1:16" ht="13.5" customHeight="1" x14ac:dyDescent="0.15">
      <c r="A42" s="592"/>
      <c r="B42" s="172" t="s">
        <v>120</v>
      </c>
      <c r="C42" s="177" t="s">
        <v>31</v>
      </c>
      <c r="D42" s="267">
        <v>20.100000000000001</v>
      </c>
      <c r="E42" s="268">
        <v>189.8</v>
      </c>
      <c r="F42" s="268">
        <v>164.6</v>
      </c>
      <c r="G42" s="269">
        <v>25.2</v>
      </c>
      <c r="H42" s="267">
        <v>20.2</v>
      </c>
      <c r="I42" s="268">
        <v>189.4</v>
      </c>
      <c r="J42" s="268">
        <v>163.5</v>
      </c>
      <c r="K42" s="269">
        <v>25.9</v>
      </c>
      <c r="L42" s="267">
        <v>19.899999999999999</v>
      </c>
      <c r="M42" s="268">
        <v>191.2</v>
      </c>
      <c r="N42" s="268">
        <v>168.4</v>
      </c>
      <c r="O42" s="269">
        <v>22.8</v>
      </c>
      <c r="P42" s="172" t="s">
        <v>120</v>
      </c>
    </row>
    <row r="43" spans="1:16" ht="13.5" customHeight="1" x14ac:dyDescent="0.15">
      <c r="A43" s="592"/>
      <c r="B43" s="167" t="s">
        <v>121</v>
      </c>
      <c r="C43" s="168" t="s">
        <v>32</v>
      </c>
      <c r="D43" s="242">
        <v>19.2</v>
      </c>
      <c r="E43" s="243">
        <v>158.5</v>
      </c>
      <c r="F43" s="243">
        <v>146.4</v>
      </c>
      <c r="G43" s="244">
        <v>12.1</v>
      </c>
      <c r="H43" s="242">
        <v>19.2</v>
      </c>
      <c r="I43" s="243">
        <v>161</v>
      </c>
      <c r="J43" s="243">
        <v>148</v>
      </c>
      <c r="K43" s="244">
        <v>13</v>
      </c>
      <c r="L43" s="242">
        <v>18.899999999999999</v>
      </c>
      <c r="M43" s="243">
        <v>146.9</v>
      </c>
      <c r="N43" s="243">
        <v>139</v>
      </c>
      <c r="O43" s="244">
        <v>7.9</v>
      </c>
      <c r="P43" s="167" t="s">
        <v>121</v>
      </c>
    </row>
    <row r="44" spans="1:16" ht="13.5" customHeight="1" x14ac:dyDescent="0.15">
      <c r="A44" s="592"/>
      <c r="B44" s="172" t="s">
        <v>122</v>
      </c>
      <c r="C44" s="177" t="s">
        <v>33</v>
      </c>
      <c r="D44" s="267">
        <v>18.100000000000001</v>
      </c>
      <c r="E44" s="268">
        <v>153.69999999999999</v>
      </c>
      <c r="F44" s="268">
        <v>138.80000000000001</v>
      </c>
      <c r="G44" s="269">
        <v>14.9</v>
      </c>
      <c r="H44" s="267">
        <v>18.2</v>
      </c>
      <c r="I44" s="268">
        <v>155.9</v>
      </c>
      <c r="J44" s="268">
        <v>140</v>
      </c>
      <c r="K44" s="269">
        <v>15.9</v>
      </c>
      <c r="L44" s="267">
        <v>17.7</v>
      </c>
      <c r="M44" s="268">
        <v>141.80000000000001</v>
      </c>
      <c r="N44" s="268">
        <v>132.19999999999999</v>
      </c>
      <c r="O44" s="269">
        <v>9.6</v>
      </c>
      <c r="P44" s="172" t="s">
        <v>122</v>
      </c>
    </row>
    <row r="45" spans="1:16" ht="13.5" customHeight="1" x14ac:dyDescent="0.15">
      <c r="A45" s="592"/>
      <c r="B45" s="167" t="s">
        <v>123</v>
      </c>
      <c r="C45" s="168" t="s">
        <v>34</v>
      </c>
      <c r="D45" s="242">
        <v>20</v>
      </c>
      <c r="E45" s="243">
        <v>176.4</v>
      </c>
      <c r="F45" s="243">
        <v>158.69999999999999</v>
      </c>
      <c r="G45" s="244">
        <v>17.7</v>
      </c>
      <c r="H45" s="242">
        <v>20.2</v>
      </c>
      <c r="I45" s="243">
        <v>178.4</v>
      </c>
      <c r="J45" s="243">
        <v>159.9</v>
      </c>
      <c r="K45" s="244">
        <v>18.5</v>
      </c>
      <c r="L45" s="242">
        <v>19.100000000000001</v>
      </c>
      <c r="M45" s="243">
        <v>159.30000000000001</v>
      </c>
      <c r="N45" s="243">
        <v>148.69999999999999</v>
      </c>
      <c r="O45" s="244">
        <v>10.6</v>
      </c>
      <c r="P45" s="167" t="s">
        <v>123</v>
      </c>
    </row>
    <row r="46" spans="1:16" ht="6.75" customHeight="1" x14ac:dyDescent="0.15">
      <c r="A46" s="592"/>
      <c r="B46" s="270"/>
      <c r="C46" s="177"/>
      <c r="D46" s="271"/>
      <c r="E46" s="268"/>
      <c r="F46" s="268"/>
      <c r="G46" s="269"/>
      <c r="H46" s="271"/>
      <c r="I46" s="268"/>
      <c r="J46" s="268"/>
      <c r="K46" s="269"/>
      <c r="L46" s="271"/>
      <c r="M46" s="268"/>
      <c r="N46" s="268"/>
      <c r="O46" s="269"/>
      <c r="P46" s="245"/>
    </row>
    <row r="47" spans="1:16" ht="13.5" customHeight="1" x14ac:dyDescent="0.15">
      <c r="A47" s="592"/>
      <c r="B47" s="172" t="s">
        <v>124</v>
      </c>
      <c r="C47" s="177" t="s">
        <v>35</v>
      </c>
      <c r="D47" s="267">
        <v>19.600000000000001</v>
      </c>
      <c r="E47" s="268">
        <v>171.4</v>
      </c>
      <c r="F47" s="268">
        <v>149.19999999999999</v>
      </c>
      <c r="G47" s="269">
        <v>22.2</v>
      </c>
      <c r="H47" s="267">
        <v>20.7</v>
      </c>
      <c r="I47" s="268">
        <v>192.2</v>
      </c>
      <c r="J47" s="268">
        <v>162.19999999999999</v>
      </c>
      <c r="K47" s="269">
        <v>30</v>
      </c>
      <c r="L47" s="267">
        <v>17.399999999999999</v>
      </c>
      <c r="M47" s="268">
        <v>129.1</v>
      </c>
      <c r="N47" s="268">
        <v>122.8</v>
      </c>
      <c r="O47" s="269">
        <v>6.3</v>
      </c>
      <c r="P47" s="172" t="s">
        <v>124</v>
      </c>
    </row>
    <row r="48" spans="1:16" ht="13.5" customHeight="1" thickBot="1" x14ac:dyDescent="0.2">
      <c r="A48" s="592"/>
      <c r="B48" s="190" t="s">
        <v>125</v>
      </c>
      <c r="C48" s="191" t="s">
        <v>36</v>
      </c>
      <c r="D48" s="272">
        <v>18.600000000000001</v>
      </c>
      <c r="E48" s="273">
        <v>146.1</v>
      </c>
      <c r="F48" s="273">
        <v>132.4</v>
      </c>
      <c r="G48" s="274">
        <v>13.7</v>
      </c>
      <c r="H48" s="272">
        <v>18.5</v>
      </c>
      <c r="I48" s="273">
        <v>154.30000000000001</v>
      </c>
      <c r="J48" s="273">
        <v>129.69999999999999</v>
      </c>
      <c r="K48" s="274">
        <v>24.6</v>
      </c>
      <c r="L48" s="272">
        <v>18.600000000000001</v>
      </c>
      <c r="M48" s="273">
        <v>143.1</v>
      </c>
      <c r="N48" s="273">
        <v>133.5</v>
      </c>
      <c r="O48" s="274">
        <v>9.6</v>
      </c>
      <c r="P48" s="190" t="s">
        <v>125</v>
      </c>
    </row>
    <row r="49" spans="1:16" ht="14.25" customHeight="1" x14ac:dyDescent="0.15">
      <c r="A49" s="10"/>
      <c r="B49" s="275"/>
      <c r="C49" s="275"/>
      <c r="D49" s="275"/>
      <c r="E49" s="275"/>
      <c r="F49" s="275"/>
      <c r="G49" s="275"/>
      <c r="H49" s="275"/>
      <c r="I49" s="275"/>
      <c r="J49" s="275"/>
      <c r="K49" s="275"/>
      <c r="L49" s="275"/>
      <c r="M49" s="275"/>
      <c r="N49" s="275"/>
      <c r="O49" s="275"/>
      <c r="P49" s="275"/>
    </row>
  </sheetData>
  <mergeCells count="15">
    <mergeCell ref="A1:A48"/>
    <mergeCell ref="B1:P1"/>
    <mergeCell ref="B2:G2"/>
    <mergeCell ref="N2:P2"/>
    <mergeCell ref="B3:C8"/>
    <mergeCell ref="E3:F4"/>
    <mergeCell ref="I3:J4"/>
    <mergeCell ref="M3:N4"/>
    <mergeCell ref="P3:P7"/>
    <mergeCell ref="D5:D8"/>
    <mergeCell ref="E5:F6"/>
    <mergeCell ref="H5:H8"/>
    <mergeCell ref="I5:J6"/>
    <mergeCell ref="L5:L8"/>
    <mergeCell ref="M5:N6"/>
  </mergeCells>
  <phoneticPr fontId="3"/>
  <printOptions horizontalCentered="1"/>
  <pageMargins left="0.59055118110236227" right="0.59055118110236227" top="0.39370078740157483" bottom="0.59055118110236227" header="0" footer="0.19685039370078741"/>
  <pageSetup paperSize="9" scale="91" orientation="landscape" errors="blank" r:id="rId1"/>
  <headerFooter alignWithMargins="0"/>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2">
    <tabColor indexed="52"/>
  </sheetPr>
  <dimension ref="A1:T49"/>
  <sheetViews>
    <sheetView view="pageBreakPreview" topLeftCell="A16" zoomScaleNormal="80" zoomScaleSheetLayoutView="100" workbookViewId="0">
      <selection sqref="A1:A47"/>
    </sheetView>
  </sheetViews>
  <sheetFormatPr defaultRowHeight="13.5" x14ac:dyDescent="0.15"/>
  <cols>
    <col min="1" max="1" width="5" style="198" customWidth="1"/>
    <col min="2" max="2" width="6.625" style="200" customWidth="1"/>
    <col min="3" max="3" width="22.5" style="198" customWidth="1"/>
    <col min="4" max="4" width="9.125" style="197" customWidth="1"/>
    <col min="5" max="5" width="9" style="198" customWidth="1"/>
    <col min="6" max="8" width="5.5" style="198" customWidth="1"/>
    <col min="9" max="9" width="9.125" style="198" customWidth="1"/>
    <col min="10" max="10" width="8.625" style="198" customWidth="1"/>
    <col min="11" max="13" width="5.5" style="198" customWidth="1"/>
    <col min="14" max="14" width="9.125" style="198" customWidth="1"/>
    <col min="15" max="15" width="8.625" style="198" customWidth="1"/>
    <col min="16" max="18" width="5.5" style="198" customWidth="1"/>
    <col min="19" max="19" width="6.625" style="198" customWidth="1"/>
    <col min="20" max="16384" width="9" style="1"/>
  </cols>
  <sheetData>
    <row r="1" spans="1:20" ht="22.5" customHeight="1" x14ac:dyDescent="0.15">
      <c r="A1" s="592" t="s">
        <v>140</v>
      </c>
      <c r="B1" s="593" t="s">
        <v>141</v>
      </c>
      <c r="C1" s="593"/>
      <c r="D1" s="593"/>
      <c r="E1" s="593"/>
      <c r="F1" s="593"/>
      <c r="G1" s="593"/>
      <c r="H1" s="593"/>
      <c r="I1" s="593"/>
      <c r="J1" s="593"/>
      <c r="K1" s="593"/>
      <c r="L1" s="593"/>
      <c r="M1" s="593"/>
      <c r="N1" s="593"/>
      <c r="O1" s="593"/>
      <c r="P1" s="593"/>
      <c r="Q1" s="593"/>
      <c r="R1" s="593"/>
      <c r="S1" s="593"/>
      <c r="T1" s="149"/>
    </row>
    <row r="2" spans="1:20" ht="11.25" customHeight="1" thickBot="1" x14ac:dyDescent="0.2">
      <c r="A2" s="592"/>
      <c r="B2" s="594" t="s">
        <v>77</v>
      </c>
      <c r="C2" s="594"/>
      <c r="D2" s="594"/>
      <c r="E2" s="594"/>
      <c r="F2" s="594"/>
      <c r="G2" s="594"/>
      <c r="H2" s="150"/>
      <c r="I2" s="93"/>
      <c r="J2" s="93"/>
      <c r="K2" s="93"/>
      <c r="L2" s="93"/>
      <c r="M2" s="93"/>
      <c r="N2" s="93"/>
      <c r="O2" s="595" t="s">
        <v>142</v>
      </c>
      <c r="P2" s="595"/>
      <c r="Q2" s="595"/>
      <c r="R2" s="595"/>
      <c r="S2" s="595"/>
      <c r="T2" s="10"/>
    </row>
    <row r="3" spans="1:20" ht="8.25" customHeight="1" x14ac:dyDescent="0.15">
      <c r="A3" s="592"/>
      <c r="B3" s="525" t="s">
        <v>79</v>
      </c>
      <c r="C3" s="552"/>
      <c r="D3" s="524" t="s">
        <v>80</v>
      </c>
      <c r="E3" s="596"/>
      <c r="F3" s="596"/>
      <c r="G3" s="596"/>
      <c r="H3" s="633"/>
      <c r="I3" s="524" t="s">
        <v>143</v>
      </c>
      <c r="J3" s="525"/>
      <c r="K3" s="525"/>
      <c r="L3" s="525"/>
      <c r="M3" s="552"/>
      <c r="N3" s="524" t="s">
        <v>144</v>
      </c>
      <c r="O3" s="596"/>
      <c r="P3" s="596"/>
      <c r="Q3" s="596"/>
      <c r="R3" s="633"/>
      <c r="S3" s="524" t="s">
        <v>83</v>
      </c>
    </row>
    <row r="4" spans="1:20" ht="8.25" customHeight="1" x14ac:dyDescent="0.15">
      <c r="A4" s="592"/>
      <c r="B4" s="527"/>
      <c r="C4" s="553"/>
      <c r="D4" s="634"/>
      <c r="E4" s="597"/>
      <c r="F4" s="597"/>
      <c r="G4" s="597"/>
      <c r="H4" s="635"/>
      <c r="I4" s="600"/>
      <c r="J4" s="554"/>
      <c r="K4" s="554"/>
      <c r="L4" s="554"/>
      <c r="M4" s="555"/>
      <c r="N4" s="600"/>
      <c r="O4" s="597"/>
      <c r="P4" s="597"/>
      <c r="Q4" s="597"/>
      <c r="R4" s="635"/>
      <c r="S4" s="526"/>
    </row>
    <row r="5" spans="1:20" ht="13.5" customHeight="1" x14ac:dyDescent="0.15">
      <c r="A5" s="592"/>
      <c r="B5" s="527"/>
      <c r="C5" s="553"/>
      <c r="D5" s="631" t="s">
        <v>145</v>
      </c>
      <c r="E5" s="278"/>
      <c r="F5" s="279"/>
      <c r="G5" s="636" t="s">
        <v>146</v>
      </c>
      <c r="H5" s="637"/>
      <c r="I5" s="631" t="s">
        <v>145</v>
      </c>
      <c r="J5" s="6"/>
      <c r="K5" s="280"/>
      <c r="L5" s="636" t="s">
        <v>146</v>
      </c>
      <c r="M5" s="637"/>
      <c r="N5" s="631" t="s">
        <v>145</v>
      </c>
      <c r="O5" s="6"/>
      <c r="P5" s="280"/>
      <c r="Q5" s="636" t="s">
        <v>146</v>
      </c>
      <c r="R5" s="637"/>
      <c r="S5" s="526"/>
    </row>
    <row r="6" spans="1:20" s="8" customFormat="1" ht="11.25" customHeight="1" x14ac:dyDescent="0.15">
      <c r="A6" s="592"/>
      <c r="B6" s="527"/>
      <c r="C6" s="553"/>
      <c r="D6" s="632"/>
      <c r="E6" s="166" t="s">
        <v>147</v>
      </c>
      <c r="F6" s="166" t="s">
        <v>148</v>
      </c>
      <c r="G6" s="598" t="s">
        <v>149</v>
      </c>
      <c r="H6" s="598" t="s">
        <v>150</v>
      </c>
      <c r="I6" s="632"/>
      <c r="J6" s="166" t="s">
        <v>147</v>
      </c>
      <c r="K6" s="166" t="s">
        <v>148</v>
      </c>
      <c r="L6" s="598" t="s">
        <v>149</v>
      </c>
      <c r="M6" s="598" t="s">
        <v>150</v>
      </c>
      <c r="N6" s="632"/>
      <c r="O6" s="166" t="s">
        <v>147</v>
      </c>
      <c r="P6" s="166" t="s">
        <v>148</v>
      </c>
      <c r="Q6" s="598" t="s">
        <v>149</v>
      </c>
      <c r="R6" s="598" t="s">
        <v>150</v>
      </c>
      <c r="S6" s="526"/>
    </row>
    <row r="7" spans="1:20" s="8" customFormat="1" ht="11.25" customHeight="1" x14ac:dyDescent="0.15">
      <c r="A7" s="592"/>
      <c r="B7" s="554"/>
      <c r="C7" s="555"/>
      <c r="D7" s="632"/>
      <c r="E7" s="166" t="s">
        <v>151</v>
      </c>
      <c r="F7" s="166" t="s">
        <v>152</v>
      </c>
      <c r="G7" s="599"/>
      <c r="H7" s="599"/>
      <c r="I7" s="632"/>
      <c r="J7" s="166" t="s">
        <v>151</v>
      </c>
      <c r="K7" s="166" t="s">
        <v>152</v>
      </c>
      <c r="L7" s="599"/>
      <c r="M7" s="599"/>
      <c r="N7" s="632"/>
      <c r="O7" s="166" t="s">
        <v>151</v>
      </c>
      <c r="P7" s="166" t="s">
        <v>152</v>
      </c>
      <c r="Q7" s="599"/>
      <c r="R7" s="599"/>
      <c r="S7" s="600"/>
    </row>
    <row r="8" spans="1:20" ht="13.5" customHeight="1" x14ac:dyDescent="0.15">
      <c r="A8" s="592"/>
      <c r="B8" s="167" t="s">
        <v>88</v>
      </c>
      <c r="C8" s="168" t="s">
        <v>89</v>
      </c>
      <c r="D8" s="169">
        <v>3095284</v>
      </c>
      <c r="E8" s="170">
        <v>1158746</v>
      </c>
      <c r="F8" s="281">
        <v>37.4</v>
      </c>
      <c r="G8" s="282">
        <v>2.19</v>
      </c>
      <c r="H8" s="283">
        <v>1.76</v>
      </c>
      <c r="I8" s="169">
        <v>1616795</v>
      </c>
      <c r="J8" s="170">
        <v>351059</v>
      </c>
      <c r="K8" s="281">
        <v>21.7</v>
      </c>
      <c r="L8" s="282">
        <v>2.35</v>
      </c>
      <c r="M8" s="283">
        <v>1.6</v>
      </c>
      <c r="N8" s="169">
        <v>1478489</v>
      </c>
      <c r="O8" s="170">
        <v>807687</v>
      </c>
      <c r="P8" s="281">
        <v>54.6</v>
      </c>
      <c r="Q8" s="282">
        <v>2.0099999999999998</v>
      </c>
      <c r="R8" s="283">
        <v>1.94</v>
      </c>
      <c r="S8" s="167" t="s">
        <v>88</v>
      </c>
    </row>
    <row r="9" spans="1:20" ht="7.5" customHeight="1" x14ac:dyDescent="0.15">
      <c r="A9" s="592"/>
      <c r="B9" s="172"/>
      <c r="C9" s="173"/>
      <c r="D9" s="174"/>
      <c r="E9" s="175"/>
      <c r="F9" s="284"/>
      <c r="G9" s="285"/>
      <c r="H9" s="286"/>
      <c r="I9" s="174"/>
      <c r="J9" s="175"/>
      <c r="K9" s="284"/>
      <c r="L9" s="285"/>
      <c r="M9" s="286"/>
      <c r="N9" s="174"/>
      <c r="O9" s="175"/>
      <c r="P9" s="284"/>
      <c r="Q9" s="285"/>
      <c r="R9" s="286"/>
      <c r="S9" s="172"/>
    </row>
    <row r="10" spans="1:20" ht="13.5" customHeight="1" x14ac:dyDescent="0.15">
      <c r="A10" s="592"/>
      <c r="B10" s="172" t="s">
        <v>90</v>
      </c>
      <c r="C10" s="177" t="s">
        <v>1</v>
      </c>
      <c r="D10" s="174">
        <v>136977</v>
      </c>
      <c r="E10" s="175">
        <v>7849</v>
      </c>
      <c r="F10" s="284">
        <v>5.7</v>
      </c>
      <c r="G10" s="285">
        <v>0.87</v>
      </c>
      <c r="H10" s="286">
        <v>0.56000000000000005</v>
      </c>
      <c r="I10" s="174">
        <v>111977</v>
      </c>
      <c r="J10" s="175">
        <v>2189</v>
      </c>
      <c r="K10" s="284">
        <v>2</v>
      </c>
      <c r="L10" s="285">
        <v>0.87</v>
      </c>
      <c r="M10" s="286">
        <v>0.66</v>
      </c>
      <c r="N10" s="174">
        <v>25000</v>
      </c>
      <c r="O10" s="175">
        <v>5660</v>
      </c>
      <c r="P10" s="284">
        <v>22.6</v>
      </c>
      <c r="Q10" s="285">
        <v>0.83</v>
      </c>
      <c r="R10" s="286">
        <v>0.08</v>
      </c>
      <c r="S10" s="172" t="s">
        <v>90</v>
      </c>
    </row>
    <row r="11" spans="1:20" ht="13.5" customHeight="1" x14ac:dyDescent="0.15">
      <c r="A11" s="592"/>
      <c r="B11" s="167" t="s">
        <v>91</v>
      </c>
      <c r="C11" s="168" t="s">
        <v>2</v>
      </c>
      <c r="D11" s="181">
        <v>385180</v>
      </c>
      <c r="E11" s="182">
        <v>51021</v>
      </c>
      <c r="F11" s="287">
        <v>13.2</v>
      </c>
      <c r="G11" s="288">
        <v>0.95</v>
      </c>
      <c r="H11" s="289">
        <v>0.83</v>
      </c>
      <c r="I11" s="181">
        <v>289259</v>
      </c>
      <c r="J11" s="182">
        <v>13164</v>
      </c>
      <c r="K11" s="287">
        <v>4.5999999999999996</v>
      </c>
      <c r="L11" s="288">
        <v>0.84</v>
      </c>
      <c r="M11" s="289">
        <v>0.81</v>
      </c>
      <c r="N11" s="181">
        <v>95921</v>
      </c>
      <c r="O11" s="182">
        <v>37857</v>
      </c>
      <c r="P11" s="287">
        <v>39.5</v>
      </c>
      <c r="Q11" s="288">
        <v>1.28</v>
      </c>
      <c r="R11" s="289">
        <v>0.9</v>
      </c>
      <c r="S11" s="167" t="s">
        <v>91</v>
      </c>
    </row>
    <row r="12" spans="1:20" ht="13.5" customHeight="1" x14ac:dyDescent="0.15">
      <c r="A12" s="592"/>
      <c r="B12" s="172" t="s">
        <v>92</v>
      </c>
      <c r="C12" s="177" t="s">
        <v>3</v>
      </c>
      <c r="D12" s="174">
        <v>8991</v>
      </c>
      <c r="E12" s="175">
        <v>882</v>
      </c>
      <c r="F12" s="284">
        <v>9.8000000000000007</v>
      </c>
      <c r="G12" s="285">
        <v>0.38</v>
      </c>
      <c r="H12" s="286">
        <v>0.26</v>
      </c>
      <c r="I12" s="174">
        <v>7931</v>
      </c>
      <c r="J12" s="175">
        <v>505</v>
      </c>
      <c r="K12" s="284">
        <v>6.4</v>
      </c>
      <c r="L12" s="285">
        <v>0.24</v>
      </c>
      <c r="M12" s="286">
        <v>0.1</v>
      </c>
      <c r="N12" s="174">
        <v>1060</v>
      </c>
      <c r="O12" s="175">
        <v>377</v>
      </c>
      <c r="P12" s="284">
        <v>35.6</v>
      </c>
      <c r="Q12" s="285">
        <v>1.42</v>
      </c>
      <c r="R12" s="286">
        <v>1.42</v>
      </c>
      <c r="S12" s="172" t="s">
        <v>92</v>
      </c>
    </row>
    <row r="13" spans="1:20" ht="13.5" customHeight="1" x14ac:dyDescent="0.15">
      <c r="A13" s="592"/>
      <c r="B13" s="167" t="s">
        <v>93</v>
      </c>
      <c r="C13" s="168" t="s">
        <v>4</v>
      </c>
      <c r="D13" s="181">
        <v>87939</v>
      </c>
      <c r="E13" s="182">
        <v>5816</v>
      </c>
      <c r="F13" s="287">
        <v>6.6</v>
      </c>
      <c r="G13" s="288">
        <v>1.1499999999999999</v>
      </c>
      <c r="H13" s="289">
        <v>2.2599999999999998</v>
      </c>
      <c r="I13" s="181">
        <v>64863</v>
      </c>
      <c r="J13" s="182">
        <v>1155</v>
      </c>
      <c r="K13" s="287">
        <v>1.8</v>
      </c>
      <c r="L13" s="288">
        <v>1.08</v>
      </c>
      <c r="M13" s="289">
        <v>2.39</v>
      </c>
      <c r="N13" s="181">
        <v>23076</v>
      </c>
      <c r="O13" s="182">
        <v>4661</v>
      </c>
      <c r="P13" s="287">
        <v>20.2</v>
      </c>
      <c r="Q13" s="288">
        <v>1.33</v>
      </c>
      <c r="R13" s="289">
        <v>1.9</v>
      </c>
      <c r="S13" s="167" t="s">
        <v>93</v>
      </c>
    </row>
    <row r="14" spans="1:20" ht="13.5" customHeight="1" x14ac:dyDescent="0.15">
      <c r="A14" s="592"/>
      <c r="B14" s="172" t="s">
        <v>94</v>
      </c>
      <c r="C14" s="177" t="s">
        <v>5</v>
      </c>
      <c r="D14" s="174">
        <v>187726</v>
      </c>
      <c r="E14" s="175">
        <v>44322</v>
      </c>
      <c r="F14" s="284">
        <v>23.6</v>
      </c>
      <c r="G14" s="285">
        <v>1.23</v>
      </c>
      <c r="H14" s="286">
        <v>1.35</v>
      </c>
      <c r="I14" s="174">
        <v>146430</v>
      </c>
      <c r="J14" s="175">
        <v>24720</v>
      </c>
      <c r="K14" s="284">
        <v>16.899999999999999</v>
      </c>
      <c r="L14" s="285">
        <v>1.29</v>
      </c>
      <c r="M14" s="286">
        <v>1.36</v>
      </c>
      <c r="N14" s="174">
        <v>41296</v>
      </c>
      <c r="O14" s="175">
        <v>19602</v>
      </c>
      <c r="P14" s="284">
        <v>47.5</v>
      </c>
      <c r="Q14" s="285">
        <v>1.02</v>
      </c>
      <c r="R14" s="286">
        <v>1.31</v>
      </c>
      <c r="S14" s="172" t="s">
        <v>94</v>
      </c>
    </row>
    <row r="15" spans="1:20" ht="13.5" customHeight="1" x14ac:dyDescent="0.15">
      <c r="A15" s="592"/>
      <c r="B15" s="167" t="s">
        <v>95</v>
      </c>
      <c r="C15" s="168" t="s">
        <v>6</v>
      </c>
      <c r="D15" s="181">
        <v>580539</v>
      </c>
      <c r="E15" s="182">
        <v>299213</v>
      </c>
      <c r="F15" s="287">
        <v>51.5</v>
      </c>
      <c r="G15" s="288">
        <v>2.2599999999999998</v>
      </c>
      <c r="H15" s="289">
        <v>2.08</v>
      </c>
      <c r="I15" s="181">
        <v>263814</v>
      </c>
      <c r="J15" s="182">
        <v>74995</v>
      </c>
      <c r="K15" s="287">
        <v>28.4</v>
      </c>
      <c r="L15" s="288">
        <v>2.35</v>
      </c>
      <c r="M15" s="289">
        <v>2.5099999999999998</v>
      </c>
      <c r="N15" s="181">
        <v>316725</v>
      </c>
      <c r="O15" s="182">
        <v>224218</v>
      </c>
      <c r="P15" s="287">
        <v>70.8</v>
      </c>
      <c r="Q15" s="288">
        <v>2.1800000000000002</v>
      </c>
      <c r="R15" s="289">
        <v>1.72</v>
      </c>
      <c r="S15" s="167" t="s">
        <v>95</v>
      </c>
    </row>
    <row r="16" spans="1:20" ht="13.5" customHeight="1" x14ac:dyDescent="0.15">
      <c r="A16" s="592"/>
      <c r="B16" s="172" t="s">
        <v>96</v>
      </c>
      <c r="C16" s="177" t="s">
        <v>7</v>
      </c>
      <c r="D16" s="174">
        <v>49392</v>
      </c>
      <c r="E16" s="175">
        <v>6001</v>
      </c>
      <c r="F16" s="284">
        <v>12.1</v>
      </c>
      <c r="G16" s="285">
        <v>1.1499999999999999</v>
      </c>
      <c r="H16" s="286">
        <v>1.33</v>
      </c>
      <c r="I16" s="174">
        <v>13100</v>
      </c>
      <c r="J16" s="175">
        <v>273</v>
      </c>
      <c r="K16" s="284">
        <v>2.1</v>
      </c>
      <c r="L16" s="285">
        <v>0.56000000000000005</v>
      </c>
      <c r="M16" s="286">
        <v>1.88</v>
      </c>
      <c r="N16" s="174">
        <v>36292</v>
      </c>
      <c r="O16" s="175">
        <v>5728</v>
      </c>
      <c r="P16" s="284">
        <v>15.8</v>
      </c>
      <c r="Q16" s="285">
        <v>1.37</v>
      </c>
      <c r="R16" s="286">
        <v>1.1299999999999999</v>
      </c>
      <c r="S16" s="172" t="s">
        <v>96</v>
      </c>
    </row>
    <row r="17" spans="1:19" ht="13.5" customHeight="1" x14ac:dyDescent="0.15">
      <c r="A17" s="592"/>
      <c r="B17" s="167" t="s">
        <v>97</v>
      </c>
      <c r="C17" s="168" t="s">
        <v>8</v>
      </c>
      <c r="D17" s="181">
        <v>46502</v>
      </c>
      <c r="E17" s="182">
        <v>12671</v>
      </c>
      <c r="F17" s="287">
        <v>27.2</v>
      </c>
      <c r="G17" s="288">
        <v>4.8499999999999996</v>
      </c>
      <c r="H17" s="289">
        <v>2.4900000000000002</v>
      </c>
      <c r="I17" s="181">
        <v>28583</v>
      </c>
      <c r="J17" s="182">
        <v>4956</v>
      </c>
      <c r="K17" s="287">
        <v>17.3</v>
      </c>
      <c r="L17" s="288">
        <v>4.3899999999999997</v>
      </c>
      <c r="M17" s="289">
        <v>1.89</v>
      </c>
      <c r="N17" s="181">
        <v>17919</v>
      </c>
      <c r="O17" s="182">
        <v>7715</v>
      </c>
      <c r="P17" s="287">
        <v>43.1</v>
      </c>
      <c r="Q17" s="288">
        <v>5.58</v>
      </c>
      <c r="R17" s="289">
        <v>3.44</v>
      </c>
      <c r="S17" s="167" t="s">
        <v>97</v>
      </c>
    </row>
    <row r="18" spans="1:19" ht="13.5" customHeight="1" x14ac:dyDescent="0.15">
      <c r="A18" s="592"/>
      <c r="B18" s="172" t="s">
        <v>98</v>
      </c>
      <c r="C18" s="177" t="s">
        <v>9</v>
      </c>
      <c r="D18" s="174">
        <v>150579</v>
      </c>
      <c r="E18" s="175">
        <v>10726</v>
      </c>
      <c r="F18" s="284">
        <v>7.1</v>
      </c>
      <c r="G18" s="285">
        <v>0.78</v>
      </c>
      <c r="H18" s="286">
        <v>1.46</v>
      </c>
      <c r="I18" s="174">
        <v>109151</v>
      </c>
      <c r="J18" s="175">
        <v>2908</v>
      </c>
      <c r="K18" s="284">
        <v>2.7</v>
      </c>
      <c r="L18" s="285">
        <v>0.79</v>
      </c>
      <c r="M18" s="286">
        <v>1.01</v>
      </c>
      <c r="N18" s="174">
        <v>41428</v>
      </c>
      <c r="O18" s="175">
        <v>7818</v>
      </c>
      <c r="P18" s="284">
        <v>18.899999999999999</v>
      </c>
      <c r="Q18" s="285">
        <v>0.73</v>
      </c>
      <c r="R18" s="286">
        <v>2.63</v>
      </c>
      <c r="S18" s="172" t="s">
        <v>98</v>
      </c>
    </row>
    <row r="19" spans="1:19" ht="13.5" customHeight="1" x14ac:dyDescent="0.15">
      <c r="A19" s="592"/>
      <c r="B19" s="167" t="s">
        <v>99</v>
      </c>
      <c r="C19" s="168" t="s">
        <v>10</v>
      </c>
      <c r="D19" s="181">
        <v>312713</v>
      </c>
      <c r="E19" s="182">
        <v>237236</v>
      </c>
      <c r="F19" s="287">
        <v>75.900000000000006</v>
      </c>
      <c r="G19" s="288">
        <v>6.32</v>
      </c>
      <c r="H19" s="289">
        <v>2.79</v>
      </c>
      <c r="I19" s="181">
        <v>122957</v>
      </c>
      <c r="J19" s="182">
        <v>78971</v>
      </c>
      <c r="K19" s="287">
        <v>64.2</v>
      </c>
      <c r="L19" s="288">
        <v>9.74</v>
      </c>
      <c r="M19" s="289">
        <v>2.33</v>
      </c>
      <c r="N19" s="181">
        <v>189756</v>
      </c>
      <c r="O19" s="182">
        <v>158265</v>
      </c>
      <c r="P19" s="287">
        <v>83.4</v>
      </c>
      <c r="Q19" s="288">
        <v>4.2300000000000004</v>
      </c>
      <c r="R19" s="289">
        <v>3.08</v>
      </c>
      <c r="S19" s="167" t="s">
        <v>99</v>
      </c>
    </row>
    <row r="20" spans="1:19" ht="13.5" customHeight="1" x14ac:dyDescent="0.15">
      <c r="A20" s="592"/>
      <c r="B20" s="172" t="s">
        <v>100</v>
      </c>
      <c r="C20" s="177" t="s">
        <v>11</v>
      </c>
      <c r="D20" s="174">
        <v>103021</v>
      </c>
      <c r="E20" s="175">
        <v>62177</v>
      </c>
      <c r="F20" s="284">
        <v>60.4</v>
      </c>
      <c r="G20" s="285">
        <v>2.35</v>
      </c>
      <c r="H20" s="286">
        <v>1.82</v>
      </c>
      <c r="I20" s="174">
        <v>44673</v>
      </c>
      <c r="J20" s="175">
        <v>25322</v>
      </c>
      <c r="K20" s="284">
        <v>56.7</v>
      </c>
      <c r="L20" s="285">
        <v>2.56</v>
      </c>
      <c r="M20" s="286">
        <v>1.93</v>
      </c>
      <c r="N20" s="174">
        <v>58348</v>
      </c>
      <c r="O20" s="175">
        <v>36855</v>
      </c>
      <c r="P20" s="284">
        <v>63.2</v>
      </c>
      <c r="Q20" s="285">
        <v>2.1800000000000002</v>
      </c>
      <c r="R20" s="286">
        <v>1.74</v>
      </c>
      <c r="S20" s="172" t="s">
        <v>100</v>
      </c>
    </row>
    <row r="21" spans="1:19" ht="13.5" customHeight="1" x14ac:dyDescent="0.15">
      <c r="A21" s="592"/>
      <c r="B21" s="167" t="s">
        <v>101</v>
      </c>
      <c r="C21" s="168" t="s">
        <v>12</v>
      </c>
      <c r="D21" s="181">
        <v>206916</v>
      </c>
      <c r="E21" s="182">
        <v>93895</v>
      </c>
      <c r="F21" s="287">
        <v>45.4</v>
      </c>
      <c r="G21" s="288">
        <v>2.31</v>
      </c>
      <c r="H21" s="289">
        <v>0.9</v>
      </c>
      <c r="I21" s="181">
        <v>98098</v>
      </c>
      <c r="J21" s="182">
        <v>45683</v>
      </c>
      <c r="K21" s="287">
        <v>46.6</v>
      </c>
      <c r="L21" s="288">
        <v>3.77</v>
      </c>
      <c r="M21" s="289">
        <v>0.85</v>
      </c>
      <c r="N21" s="181">
        <v>108818</v>
      </c>
      <c r="O21" s="182">
        <v>48212</v>
      </c>
      <c r="P21" s="287">
        <v>44.3</v>
      </c>
      <c r="Q21" s="288">
        <v>1.03</v>
      </c>
      <c r="R21" s="289">
        <v>0.94</v>
      </c>
      <c r="S21" s="167" t="s">
        <v>101</v>
      </c>
    </row>
    <row r="22" spans="1:19" ht="13.5" customHeight="1" x14ac:dyDescent="0.15">
      <c r="A22" s="592"/>
      <c r="B22" s="172" t="s">
        <v>102</v>
      </c>
      <c r="C22" s="177" t="s">
        <v>13</v>
      </c>
      <c r="D22" s="174">
        <v>519618</v>
      </c>
      <c r="E22" s="175">
        <v>215754</v>
      </c>
      <c r="F22" s="284">
        <v>41.5</v>
      </c>
      <c r="G22" s="285">
        <v>1.7</v>
      </c>
      <c r="H22" s="286">
        <v>1.5</v>
      </c>
      <c r="I22" s="174">
        <v>131163</v>
      </c>
      <c r="J22" s="175">
        <v>38892</v>
      </c>
      <c r="K22" s="284">
        <v>29.7</v>
      </c>
      <c r="L22" s="285">
        <v>2.5499999999999998</v>
      </c>
      <c r="M22" s="286">
        <v>1.49</v>
      </c>
      <c r="N22" s="174">
        <v>388455</v>
      </c>
      <c r="O22" s="175">
        <v>176862</v>
      </c>
      <c r="P22" s="284">
        <v>45.5</v>
      </c>
      <c r="Q22" s="285">
        <v>1.41</v>
      </c>
      <c r="R22" s="286">
        <v>1.5</v>
      </c>
      <c r="S22" s="172" t="s">
        <v>102</v>
      </c>
    </row>
    <row r="23" spans="1:19" ht="13.5" customHeight="1" x14ac:dyDescent="0.15">
      <c r="A23" s="592"/>
      <c r="B23" s="167" t="s">
        <v>103</v>
      </c>
      <c r="C23" s="168" t="s">
        <v>14</v>
      </c>
      <c r="D23" s="181">
        <v>17675</v>
      </c>
      <c r="E23" s="182">
        <v>2994</v>
      </c>
      <c r="F23" s="287">
        <v>16.899999999999999</v>
      </c>
      <c r="G23" s="288">
        <v>0.68</v>
      </c>
      <c r="H23" s="289">
        <v>0.21</v>
      </c>
      <c r="I23" s="181">
        <v>8862</v>
      </c>
      <c r="J23" s="182">
        <v>561</v>
      </c>
      <c r="K23" s="287">
        <v>6.3</v>
      </c>
      <c r="L23" s="288">
        <v>0.66</v>
      </c>
      <c r="M23" s="289">
        <v>0.28000000000000003</v>
      </c>
      <c r="N23" s="181">
        <v>8813</v>
      </c>
      <c r="O23" s="182">
        <v>2433</v>
      </c>
      <c r="P23" s="287">
        <v>27.6</v>
      </c>
      <c r="Q23" s="288">
        <v>0.7</v>
      </c>
      <c r="R23" s="289">
        <v>0.14000000000000001</v>
      </c>
      <c r="S23" s="167" t="s">
        <v>103</v>
      </c>
    </row>
    <row r="24" spans="1:19" ht="13.5" customHeight="1" x14ac:dyDescent="0.15">
      <c r="A24" s="592"/>
      <c r="B24" s="172" t="s">
        <v>104</v>
      </c>
      <c r="C24" s="177" t="s">
        <v>15</v>
      </c>
      <c r="D24" s="174">
        <v>301516</v>
      </c>
      <c r="E24" s="175">
        <v>108189</v>
      </c>
      <c r="F24" s="284">
        <v>35.9</v>
      </c>
      <c r="G24" s="285">
        <v>2.31</v>
      </c>
      <c r="H24" s="286">
        <v>3.24</v>
      </c>
      <c r="I24" s="174">
        <v>175934</v>
      </c>
      <c r="J24" s="175">
        <v>36765</v>
      </c>
      <c r="K24" s="284">
        <v>20.9</v>
      </c>
      <c r="L24" s="285">
        <v>2.27</v>
      </c>
      <c r="M24" s="286">
        <v>2.4300000000000002</v>
      </c>
      <c r="N24" s="174">
        <v>125582</v>
      </c>
      <c r="O24" s="175">
        <v>71424</v>
      </c>
      <c r="P24" s="284">
        <v>56.9</v>
      </c>
      <c r="Q24" s="285">
        <v>2.38</v>
      </c>
      <c r="R24" s="286">
        <v>4.3600000000000003</v>
      </c>
      <c r="S24" s="172" t="s">
        <v>104</v>
      </c>
    </row>
    <row r="25" spans="1:19" ht="7.5" customHeight="1" x14ac:dyDescent="0.15">
      <c r="A25" s="592"/>
      <c r="B25" s="172"/>
      <c r="C25" s="177"/>
      <c r="D25" s="178"/>
      <c r="E25" s="179"/>
      <c r="F25" s="290"/>
      <c r="G25" s="291"/>
      <c r="H25" s="292"/>
      <c r="I25" s="178"/>
      <c r="J25" s="179"/>
      <c r="K25" s="290"/>
      <c r="L25" s="291"/>
      <c r="M25" s="292"/>
      <c r="N25" s="178"/>
      <c r="O25" s="179"/>
      <c r="P25" s="290"/>
      <c r="Q25" s="291"/>
      <c r="R25" s="292"/>
      <c r="S25" s="172"/>
    </row>
    <row r="26" spans="1:19" ht="13.5" customHeight="1" x14ac:dyDescent="0.15">
      <c r="A26" s="592"/>
      <c r="B26" s="167" t="s">
        <v>105</v>
      </c>
      <c r="C26" s="168" t="s">
        <v>16</v>
      </c>
      <c r="D26" s="181">
        <v>53783</v>
      </c>
      <c r="E26" s="182">
        <v>30179</v>
      </c>
      <c r="F26" s="287">
        <v>56.1</v>
      </c>
      <c r="G26" s="288">
        <v>1.39</v>
      </c>
      <c r="H26" s="289">
        <v>0.8</v>
      </c>
      <c r="I26" s="181">
        <v>23353</v>
      </c>
      <c r="J26" s="182">
        <v>6325</v>
      </c>
      <c r="K26" s="287">
        <v>27.1</v>
      </c>
      <c r="L26" s="288">
        <v>0.96</v>
      </c>
      <c r="M26" s="289">
        <v>0.91</v>
      </c>
      <c r="N26" s="181">
        <v>30430</v>
      </c>
      <c r="O26" s="182">
        <v>23854</v>
      </c>
      <c r="P26" s="287">
        <v>78.400000000000006</v>
      </c>
      <c r="Q26" s="288">
        <v>1.72</v>
      </c>
      <c r="R26" s="289">
        <v>0.72</v>
      </c>
      <c r="S26" s="167" t="s">
        <v>105</v>
      </c>
    </row>
    <row r="27" spans="1:19" ht="13.5" customHeight="1" x14ac:dyDescent="0.15">
      <c r="A27" s="592"/>
      <c r="B27" s="172" t="s">
        <v>106</v>
      </c>
      <c r="C27" s="177" t="s">
        <v>17</v>
      </c>
      <c r="D27" s="184">
        <v>1172</v>
      </c>
      <c r="E27" s="185">
        <v>266</v>
      </c>
      <c r="F27" s="293">
        <v>22.7</v>
      </c>
      <c r="G27" s="294">
        <v>1.91</v>
      </c>
      <c r="H27" s="295">
        <v>0.26</v>
      </c>
      <c r="I27" s="184">
        <v>573</v>
      </c>
      <c r="J27" s="185">
        <v>10</v>
      </c>
      <c r="K27" s="293">
        <v>1.7</v>
      </c>
      <c r="L27" s="294">
        <v>3.79</v>
      </c>
      <c r="M27" s="295">
        <v>0.36</v>
      </c>
      <c r="N27" s="184">
        <v>599</v>
      </c>
      <c r="O27" s="185">
        <v>256</v>
      </c>
      <c r="P27" s="293">
        <v>42.7</v>
      </c>
      <c r="Q27" s="294">
        <v>0.17</v>
      </c>
      <c r="R27" s="295">
        <v>0.17</v>
      </c>
      <c r="S27" s="172" t="s">
        <v>106</v>
      </c>
    </row>
    <row r="28" spans="1:19" ht="13.5" customHeight="1" x14ac:dyDescent="0.15">
      <c r="A28" s="592"/>
      <c r="B28" s="167" t="s">
        <v>107</v>
      </c>
      <c r="C28" s="168" t="s">
        <v>18</v>
      </c>
      <c r="D28" s="187">
        <v>2564</v>
      </c>
      <c r="E28" s="188">
        <v>418</v>
      </c>
      <c r="F28" s="296">
        <v>16.3</v>
      </c>
      <c r="G28" s="297">
        <v>0.43</v>
      </c>
      <c r="H28" s="298">
        <v>0.78</v>
      </c>
      <c r="I28" s="187">
        <v>2071</v>
      </c>
      <c r="J28" s="188">
        <v>159</v>
      </c>
      <c r="K28" s="296">
        <v>7.7</v>
      </c>
      <c r="L28" s="297">
        <v>0.39</v>
      </c>
      <c r="M28" s="298">
        <v>0.48</v>
      </c>
      <c r="N28" s="187">
        <v>493</v>
      </c>
      <c r="O28" s="188">
        <v>259</v>
      </c>
      <c r="P28" s="296">
        <v>52.5</v>
      </c>
      <c r="Q28" s="297">
        <v>0.6</v>
      </c>
      <c r="R28" s="298">
        <v>2</v>
      </c>
      <c r="S28" s="167" t="s">
        <v>107</v>
      </c>
    </row>
    <row r="29" spans="1:19" ht="13.5" customHeight="1" x14ac:dyDescent="0.15">
      <c r="A29" s="592"/>
      <c r="B29" s="172" t="s">
        <v>108</v>
      </c>
      <c r="C29" s="177" t="s">
        <v>19</v>
      </c>
      <c r="D29" s="174">
        <v>6864</v>
      </c>
      <c r="E29" s="175">
        <v>1563</v>
      </c>
      <c r="F29" s="284">
        <v>22.8</v>
      </c>
      <c r="G29" s="285">
        <v>1.27</v>
      </c>
      <c r="H29" s="286">
        <v>1.21</v>
      </c>
      <c r="I29" s="174">
        <v>4621</v>
      </c>
      <c r="J29" s="175">
        <v>524</v>
      </c>
      <c r="K29" s="284">
        <v>11.3</v>
      </c>
      <c r="L29" s="291">
        <v>1.49</v>
      </c>
      <c r="M29" s="292">
        <v>1.66</v>
      </c>
      <c r="N29" s="174">
        <v>2243</v>
      </c>
      <c r="O29" s="175">
        <v>1039</v>
      </c>
      <c r="P29" s="284">
        <v>46.3</v>
      </c>
      <c r="Q29" s="291">
        <v>0.81</v>
      </c>
      <c r="R29" s="292">
        <v>0.27</v>
      </c>
      <c r="S29" s="172" t="s">
        <v>108</v>
      </c>
    </row>
    <row r="30" spans="1:19" ht="13.5" customHeight="1" x14ac:dyDescent="0.15">
      <c r="A30" s="592"/>
      <c r="B30" s="167" t="s">
        <v>109</v>
      </c>
      <c r="C30" s="168" t="s">
        <v>20</v>
      </c>
      <c r="D30" s="181">
        <v>10541</v>
      </c>
      <c r="E30" s="182">
        <v>521</v>
      </c>
      <c r="F30" s="287">
        <v>4.9000000000000004</v>
      </c>
      <c r="G30" s="288">
        <v>0.48</v>
      </c>
      <c r="H30" s="289">
        <v>0.28999999999999998</v>
      </c>
      <c r="I30" s="181">
        <v>8952</v>
      </c>
      <c r="J30" s="182">
        <v>202</v>
      </c>
      <c r="K30" s="287">
        <v>2.2999999999999998</v>
      </c>
      <c r="L30" s="288">
        <v>0.47</v>
      </c>
      <c r="M30" s="289">
        <v>0.19</v>
      </c>
      <c r="N30" s="181">
        <v>1589</v>
      </c>
      <c r="O30" s="182">
        <v>319</v>
      </c>
      <c r="P30" s="287">
        <v>20.100000000000001</v>
      </c>
      <c r="Q30" s="288">
        <v>0.5</v>
      </c>
      <c r="R30" s="289">
        <v>0.88</v>
      </c>
      <c r="S30" s="167" t="s">
        <v>109</v>
      </c>
    </row>
    <row r="31" spans="1:19" ht="13.5" customHeight="1" x14ac:dyDescent="0.15">
      <c r="A31" s="592"/>
      <c r="B31" s="172" t="s">
        <v>110</v>
      </c>
      <c r="C31" s="177" t="s">
        <v>21</v>
      </c>
      <c r="D31" s="174">
        <v>31149</v>
      </c>
      <c r="E31" s="175">
        <v>291</v>
      </c>
      <c r="F31" s="284">
        <v>0.9</v>
      </c>
      <c r="G31" s="285">
        <v>0.71</v>
      </c>
      <c r="H31" s="286">
        <v>0.98</v>
      </c>
      <c r="I31" s="174">
        <v>25283</v>
      </c>
      <c r="J31" s="175">
        <v>109</v>
      </c>
      <c r="K31" s="284">
        <v>0.4</v>
      </c>
      <c r="L31" s="291">
        <v>0.7</v>
      </c>
      <c r="M31" s="292">
        <v>1.17</v>
      </c>
      <c r="N31" s="174">
        <v>5866</v>
      </c>
      <c r="O31" s="175">
        <v>182</v>
      </c>
      <c r="P31" s="284">
        <v>3.1</v>
      </c>
      <c r="Q31" s="291">
        <v>0.77</v>
      </c>
      <c r="R31" s="292">
        <v>0.15</v>
      </c>
      <c r="S31" s="172" t="s">
        <v>110</v>
      </c>
    </row>
    <row r="32" spans="1:19" ht="13.5" customHeight="1" x14ac:dyDescent="0.15">
      <c r="A32" s="592"/>
      <c r="B32" s="167" t="s">
        <v>111</v>
      </c>
      <c r="C32" s="168" t="s">
        <v>22</v>
      </c>
      <c r="D32" s="181">
        <v>15850</v>
      </c>
      <c r="E32" s="182">
        <v>3290</v>
      </c>
      <c r="F32" s="287">
        <v>20.8</v>
      </c>
      <c r="G32" s="288">
        <v>1.05</v>
      </c>
      <c r="H32" s="289">
        <v>0.48</v>
      </c>
      <c r="I32" s="181">
        <v>10220</v>
      </c>
      <c r="J32" s="182">
        <v>629</v>
      </c>
      <c r="K32" s="287">
        <v>6.2</v>
      </c>
      <c r="L32" s="288">
        <v>0.31</v>
      </c>
      <c r="M32" s="289">
        <v>0.74</v>
      </c>
      <c r="N32" s="181">
        <v>5630</v>
      </c>
      <c r="O32" s="182">
        <v>2661</v>
      </c>
      <c r="P32" s="287">
        <v>47.3</v>
      </c>
      <c r="Q32" s="288">
        <v>2.42</v>
      </c>
      <c r="R32" s="289">
        <v>0</v>
      </c>
      <c r="S32" s="167" t="s">
        <v>111</v>
      </c>
    </row>
    <row r="33" spans="1:19" ht="13.5" customHeight="1" x14ac:dyDescent="0.15">
      <c r="A33" s="592"/>
      <c r="B33" s="172" t="s">
        <v>112</v>
      </c>
      <c r="C33" s="177" t="s">
        <v>23</v>
      </c>
      <c r="D33" s="174">
        <v>2511</v>
      </c>
      <c r="E33" s="175">
        <v>107</v>
      </c>
      <c r="F33" s="284">
        <v>4.3</v>
      </c>
      <c r="G33" s="285">
        <v>2.4300000000000002</v>
      </c>
      <c r="H33" s="286">
        <v>0.93</v>
      </c>
      <c r="I33" s="174">
        <v>2117</v>
      </c>
      <c r="J33" s="175">
        <v>36</v>
      </c>
      <c r="K33" s="284">
        <v>1.7</v>
      </c>
      <c r="L33" s="291">
        <v>1.71</v>
      </c>
      <c r="M33" s="292">
        <v>1.0900000000000001</v>
      </c>
      <c r="N33" s="174">
        <v>394</v>
      </c>
      <c r="O33" s="175">
        <v>71</v>
      </c>
      <c r="P33" s="284">
        <v>18</v>
      </c>
      <c r="Q33" s="291">
        <v>6.49</v>
      </c>
      <c r="R33" s="292">
        <v>0</v>
      </c>
      <c r="S33" s="172" t="s">
        <v>112</v>
      </c>
    </row>
    <row r="34" spans="1:19" ht="13.5" customHeight="1" x14ac:dyDescent="0.15">
      <c r="A34" s="592"/>
      <c r="B34" s="167" t="s">
        <v>113</v>
      </c>
      <c r="C34" s="168" t="s">
        <v>24</v>
      </c>
      <c r="D34" s="181">
        <v>8515</v>
      </c>
      <c r="E34" s="182">
        <v>132</v>
      </c>
      <c r="F34" s="287">
        <v>1.6</v>
      </c>
      <c r="G34" s="288">
        <v>0.19</v>
      </c>
      <c r="H34" s="289">
        <v>0.28000000000000003</v>
      </c>
      <c r="I34" s="181">
        <v>6382</v>
      </c>
      <c r="J34" s="182">
        <v>88</v>
      </c>
      <c r="K34" s="287">
        <v>1.4</v>
      </c>
      <c r="L34" s="288">
        <v>0.22</v>
      </c>
      <c r="M34" s="289">
        <v>0.33</v>
      </c>
      <c r="N34" s="181">
        <v>2133</v>
      </c>
      <c r="O34" s="182">
        <v>44</v>
      </c>
      <c r="P34" s="287">
        <v>2.1</v>
      </c>
      <c r="Q34" s="288">
        <v>0.09</v>
      </c>
      <c r="R34" s="289">
        <v>0.14000000000000001</v>
      </c>
      <c r="S34" s="167" t="s">
        <v>113</v>
      </c>
    </row>
    <row r="35" spans="1:19" ht="13.5" customHeight="1" x14ac:dyDescent="0.15">
      <c r="A35" s="592"/>
      <c r="B35" s="172" t="s">
        <v>114</v>
      </c>
      <c r="C35" s="177" t="s">
        <v>25</v>
      </c>
      <c r="D35" s="174">
        <v>7364</v>
      </c>
      <c r="E35" s="175">
        <v>535</v>
      </c>
      <c r="F35" s="284">
        <v>7.3</v>
      </c>
      <c r="G35" s="285">
        <v>0.04</v>
      </c>
      <c r="H35" s="286">
        <v>0.1</v>
      </c>
      <c r="I35" s="174">
        <v>6794</v>
      </c>
      <c r="J35" s="175">
        <v>529</v>
      </c>
      <c r="K35" s="284">
        <v>7.8</v>
      </c>
      <c r="L35" s="291">
        <v>0.01</v>
      </c>
      <c r="M35" s="292">
        <v>0.1</v>
      </c>
      <c r="N35" s="174">
        <v>570</v>
      </c>
      <c r="O35" s="175">
        <v>6</v>
      </c>
      <c r="P35" s="284">
        <v>1.1000000000000001</v>
      </c>
      <c r="Q35" s="291">
        <v>0.35</v>
      </c>
      <c r="R35" s="292">
        <v>0</v>
      </c>
      <c r="S35" s="172" t="s">
        <v>114</v>
      </c>
    </row>
    <row r="36" spans="1:19" ht="13.5" customHeight="1" x14ac:dyDescent="0.15">
      <c r="A36" s="592"/>
      <c r="B36" s="167" t="s">
        <v>115</v>
      </c>
      <c r="C36" s="168" t="s">
        <v>26</v>
      </c>
      <c r="D36" s="181">
        <v>5263</v>
      </c>
      <c r="E36" s="182">
        <v>159</v>
      </c>
      <c r="F36" s="287">
        <v>3</v>
      </c>
      <c r="G36" s="288">
        <v>0.34</v>
      </c>
      <c r="H36" s="289">
        <v>0.02</v>
      </c>
      <c r="I36" s="181">
        <v>4227</v>
      </c>
      <c r="J36" s="182">
        <v>6</v>
      </c>
      <c r="K36" s="287">
        <v>0.1</v>
      </c>
      <c r="L36" s="288">
        <v>0.43</v>
      </c>
      <c r="M36" s="289">
        <v>0.02</v>
      </c>
      <c r="N36" s="181">
        <v>1036</v>
      </c>
      <c r="O36" s="182">
        <v>153</v>
      </c>
      <c r="P36" s="287">
        <v>14.8</v>
      </c>
      <c r="Q36" s="288">
        <v>0</v>
      </c>
      <c r="R36" s="289">
        <v>0</v>
      </c>
      <c r="S36" s="167" t="s">
        <v>115</v>
      </c>
    </row>
    <row r="37" spans="1:19" ht="13.5" customHeight="1" x14ac:dyDescent="0.15">
      <c r="A37" s="592"/>
      <c r="B37" s="172" t="s">
        <v>116</v>
      </c>
      <c r="C37" s="177" t="s">
        <v>27</v>
      </c>
      <c r="D37" s="174">
        <v>28599</v>
      </c>
      <c r="E37" s="175">
        <v>4251</v>
      </c>
      <c r="F37" s="284">
        <v>14.9</v>
      </c>
      <c r="G37" s="285">
        <v>2.88</v>
      </c>
      <c r="H37" s="286">
        <v>1.41</v>
      </c>
      <c r="I37" s="174">
        <v>21847</v>
      </c>
      <c r="J37" s="175">
        <v>1801</v>
      </c>
      <c r="K37" s="284">
        <v>8.1999999999999993</v>
      </c>
      <c r="L37" s="291">
        <v>3.29</v>
      </c>
      <c r="M37" s="292">
        <v>0.49</v>
      </c>
      <c r="N37" s="174">
        <v>6752</v>
      </c>
      <c r="O37" s="175">
        <v>2450</v>
      </c>
      <c r="P37" s="284">
        <v>36.299999999999997</v>
      </c>
      <c r="Q37" s="291">
        <v>1.63</v>
      </c>
      <c r="R37" s="292">
        <v>4.21</v>
      </c>
      <c r="S37" s="172" t="s">
        <v>116</v>
      </c>
    </row>
    <row r="38" spans="1:19" ht="13.5" customHeight="1" x14ac:dyDescent="0.15">
      <c r="A38" s="592"/>
      <c r="B38" s="167" t="s">
        <v>117</v>
      </c>
      <c r="C38" s="168" t="s">
        <v>28</v>
      </c>
      <c r="D38" s="181">
        <v>22641</v>
      </c>
      <c r="E38" s="182">
        <v>994</v>
      </c>
      <c r="F38" s="287">
        <v>4.4000000000000004</v>
      </c>
      <c r="G38" s="288">
        <v>0.36</v>
      </c>
      <c r="H38" s="289">
        <v>0.69</v>
      </c>
      <c r="I38" s="181">
        <v>18698</v>
      </c>
      <c r="J38" s="182">
        <v>198</v>
      </c>
      <c r="K38" s="287">
        <v>1.1000000000000001</v>
      </c>
      <c r="L38" s="288">
        <v>0.28999999999999998</v>
      </c>
      <c r="M38" s="289">
        <v>0.67</v>
      </c>
      <c r="N38" s="181">
        <v>3943</v>
      </c>
      <c r="O38" s="182">
        <v>796</v>
      </c>
      <c r="P38" s="287">
        <v>20.2</v>
      </c>
      <c r="Q38" s="288">
        <v>0.71</v>
      </c>
      <c r="R38" s="289">
        <v>0.79</v>
      </c>
      <c r="S38" s="167" t="s">
        <v>117</v>
      </c>
    </row>
    <row r="39" spans="1:19" ht="13.5" customHeight="1" x14ac:dyDescent="0.15">
      <c r="A39" s="592"/>
      <c r="B39" s="172" t="s">
        <v>118</v>
      </c>
      <c r="C39" s="177" t="s">
        <v>29</v>
      </c>
      <c r="D39" s="174">
        <v>30617</v>
      </c>
      <c r="E39" s="175">
        <v>1136</v>
      </c>
      <c r="F39" s="284">
        <v>3.7</v>
      </c>
      <c r="G39" s="285">
        <v>0.28999999999999998</v>
      </c>
      <c r="H39" s="286">
        <v>0.56000000000000005</v>
      </c>
      <c r="I39" s="174">
        <v>25971</v>
      </c>
      <c r="J39" s="175">
        <v>657</v>
      </c>
      <c r="K39" s="284">
        <v>2.5</v>
      </c>
      <c r="L39" s="291">
        <v>0.34</v>
      </c>
      <c r="M39" s="292">
        <v>0.62</v>
      </c>
      <c r="N39" s="174">
        <v>4646</v>
      </c>
      <c r="O39" s="175">
        <v>479</v>
      </c>
      <c r="P39" s="284">
        <v>10.3</v>
      </c>
      <c r="Q39" s="291">
        <v>0</v>
      </c>
      <c r="R39" s="292">
        <v>0.21</v>
      </c>
      <c r="S39" s="172" t="s">
        <v>118</v>
      </c>
    </row>
    <row r="40" spans="1:19" ht="13.5" customHeight="1" x14ac:dyDescent="0.15">
      <c r="A40" s="592"/>
      <c r="B40" s="167" t="s">
        <v>119</v>
      </c>
      <c r="C40" s="168" t="s">
        <v>30</v>
      </c>
      <c r="D40" s="181">
        <v>19008</v>
      </c>
      <c r="E40" s="182">
        <v>753</v>
      </c>
      <c r="F40" s="287">
        <v>4</v>
      </c>
      <c r="G40" s="288">
        <v>0.68</v>
      </c>
      <c r="H40" s="289">
        <v>1.39</v>
      </c>
      <c r="I40" s="181">
        <v>14747</v>
      </c>
      <c r="J40" s="182">
        <v>353</v>
      </c>
      <c r="K40" s="287">
        <v>2.4</v>
      </c>
      <c r="L40" s="288">
        <v>0.47</v>
      </c>
      <c r="M40" s="289">
        <v>1.47</v>
      </c>
      <c r="N40" s="181">
        <v>4261</v>
      </c>
      <c r="O40" s="182">
        <v>400</v>
      </c>
      <c r="P40" s="287">
        <v>9.4</v>
      </c>
      <c r="Q40" s="288">
        <v>1.41</v>
      </c>
      <c r="R40" s="289">
        <v>1.1299999999999999</v>
      </c>
      <c r="S40" s="167" t="s">
        <v>119</v>
      </c>
    </row>
    <row r="41" spans="1:19" ht="13.5" customHeight="1" x14ac:dyDescent="0.15">
      <c r="A41" s="592"/>
      <c r="B41" s="172" t="s">
        <v>120</v>
      </c>
      <c r="C41" s="177" t="s">
        <v>31</v>
      </c>
      <c r="D41" s="174">
        <v>13653</v>
      </c>
      <c r="E41" s="175">
        <v>488</v>
      </c>
      <c r="F41" s="284">
        <v>3.6</v>
      </c>
      <c r="G41" s="285">
        <v>1.26</v>
      </c>
      <c r="H41" s="286">
        <v>0.97</v>
      </c>
      <c r="I41" s="174">
        <v>10323</v>
      </c>
      <c r="J41" s="175">
        <v>124</v>
      </c>
      <c r="K41" s="284">
        <v>1.2</v>
      </c>
      <c r="L41" s="291">
        <v>0.7</v>
      </c>
      <c r="M41" s="292">
        <v>0.7</v>
      </c>
      <c r="N41" s="174">
        <v>3330</v>
      </c>
      <c r="O41" s="175">
        <v>364</v>
      </c>
      <c r="P41" s="284">
        <v>10.9</v>
      </c>
      <c r="Q41" s="291">
        <v>3.01</v>
      </c>
      <c r="R41" s="292">
        <v>1.82</v>
      </c>
      <c r="S41" s="172" t="s">
        <v>120</v>
      </c>
    </row>
    <row r="42" spans="1:19" ht="13.5" customHeight="1" x14ac:dyDescent="0.15">
      <c r="A42" s="592"/>
      <c r="B42" s="167" t="s">
        <v>121</v>
      </c>
      <c r="C42" s="168" t="s">
        <v>32</v>
      </c>
      <c r="D42" s="181">
        <v>29731</v>
      </c>
      <c r="E42" s="182">
        <v>3085</v>
      </c>
      <c r="F42" s="287">
        <v>10.4</v>
      </c>
      <c r="G42" s="288">
        <v>0.75</v>
      </c>
      <c r="H42" s="289">
        <v>0.71</v>
      </c>
      <c r="I42" s="181">
        <v>23338</v>
      </c>
      <c r="J42" s="182">
        <v>737</v>
      </c>
      <c r="K42" s="287">
        <v>3.2</v>
      </c>
      <c r="L42" s="288">
        <v>0.56999999999999995</v>
      </c>
      <c r="M42" s="289">
        <v>0.66</v>
      </c>
      <c r="N42" s="181">
        <v>6393</v>
      </c>
      <c r="O42" s="182">
        <v>2348</v>
      </c>
      <c r="P42" s="287">
        <v>36.700000000000003</v>
      </c>
      <c r="Q42" s="288">
        <v>1.41</v>
      </c>
      <c r="R42" s="289">
        <v>0.91</v>
      </c>
      <c r="S42" s="167" t="s">
        <v>121</v>
      </c>
    </row>
    <row r="43" spans="1:19" ht="13.5" customHeight="1" x14ac:dyDescent="0.15">
      <c r="A43" s="592"/>
      <c r="B43" s="172" t="s">
        <v>122</v>
      </c>
      <c r="C43" s="177" t="s">
        <v>33</v>
      </c>
      <c r="D43" s="174">
        <v>26014</v>
      </c>
      <c r="E43" s="175">
        <v>651</v>
      </c>
      <c r="F43" s="284">
        <v>2.5</v>
      </c>
      <c r="G43" s="285">
        <v>0.51</v>
      </c>
      <c r="H43" s="286">
        <v>1.02</v>
      </c>
      <c r="I43" s="174">
        <v>21675</v>
      </c>
      <c r="J43" s="175">
        <v>213</v>
      </c>
      <c r="K43" s="284">
        <v>1</v>
      </c>
      <c r="L43" s="291">
        <v>0.45</v>
      </c>
      <c r="M43" s="292">
        <v>0.98</v>
      </c>
      <c r="N43" s="174">
        <v>4339</v>
      </c>
      <c r="O43" s="175">
        <v>438</v>
      </c>
      <c r="P43" s="284">
        <v>10.1</v>
      </c>
      <c r="Q43" s="291">
        <v>0.8</v>
      </c>
      <c r="R43" s="292">
        <v>1.19</v>
      </c>
      <c r="S43" s="172" t="s">
        <v>122</v>
      </c>
    </row>
    <row r="44" spans="1:19" ht="13.5" customHeight="1" x14ac:dyDescent="0.15">
      <c r="A44" s="592"/>
      <c r="B44" s="167" t="s">
        <v>123</v>
      </c>
      <c r="C44" s="168" t="s">
        <v>34</v>
      </c>
      <c r="D44" s="181">
        <v>61867</v>
      </c>
      <c r="E44" s="182">
        <v>1596</v>
      </c>
      <c r="F44" s="287">
        <v>2.6</v>
      </c>
      <c r="G44" s="288">
        <v>1</v>
      </c>
      <c r="H44" s="289">
        <v>0.92</v>
      </c>
      <c r="I44" s="181">
        <v>54115</v>
      </c>
      <c r="J44" s="182">
        <v>438</v>
      </c>
      <c r="K44" s="287">
        <v>0.8</v>
      </c>
      <c r="L44" s="288">
        <v>1.07</v>
      </c>
      <c r="M44" s="289">
        <v>0.98</v>
      </c>
      <c r="N44" s="181">
        <v>7752</v>
      </c>
      <c r="O44" s="182">
        <v>1158</v>
      </c>
      <c r="P44" s="287">
        <v>14.9</v>
      </c>
      <c r="Q44" s="288">
        <v>0.52</v>
      </c>
      <c r="R44" s="289">
        <v>0.49</v>
      </c>
      <c r="S44" s="167" t="s">
        <v>123</v>
      </c>
    </row>
    <row r="45" spans="1:19" ht="7.5" customHeight="1" x14ac:dyDescent="0.15">
      <c r="A45" s="592"/>
      <c r="B45" s="172"/>
      <c r="C45" s="177"/>
      <c r="D45" s="178"/>
      <c r="E45" s="179"/>
      <c r="F45" s="290"/>
      <c r="G45" s="291"/>
      <c r="H45" s="292"/>
      <c r="I45" s="178"/>
      <c r="J45" s="179"/>
      <c r="K45" s="290"/>
      <c r="L45" s="291"/>
      <c r="M45" s="292"/>
      <c r="N45" s="178"/>
      <c r="O45" s="179"/>
      <c r="P45" s="290"/>
      <c r="Q45" s="291"/>
      <c r="R45" s="292"/>
      <c r="S45" s="172"/>
    </row>
    <row r="46" spans="1:19" ht="13.5" customHeight="1" x14ac:dyDescent="0.15">
      <c r="A46" s="592"/>
      <c r="B46" s="172" t="s">
        <v>124</v>
      </c>
      <c r="C46" s="177" t="s">
        <v>35</v>
      </c>
      <c r="D46" s="174">
        <v>7474</v>
      </c>
      <c r="E46" s="175">
        <v>606</v>
      </c>
      <c r="F46" s="284">
        <v>8.1</v>
      </c>
      <c r="G46" s="285">
        <v>0.15</v>
      </c>
      <c r="H46" s="286">
        <v>0.25</v>
      </c>
      <c r="I46" s="174">
        <v>3952</v>
      </c>
      <c r="J46" s="175">
        <v>26</v>
      </c>
      <c r="K46" s="284">
        <v>0.7</v>
      </c>
      <c r="L46" s="285">
        <v>0.2</v>
      </c>
      <c r="M46" s="286">
        <v>0.3</v>
      </c>
      <c r="N46" s="174">
        <v>3522</v>
      </c>
      <c r="O46" s="175">
        <v>580</v>
      </c>
      <c r="P46" s="284">
        <v>16.5</v>
      </c>
      <c r="Q46" s="299">
        <v>0.09</v>
      </c>
      <c r="R46" s="286">
        <v>0.2</v>
      </c>
      <c r="S46" s="172" t="s">
        <v>124</v>
      </c>
    </row>
    <row r="47" spans="1:19" ht="13.5" customHeight="1" thickBot="1" x14ac:dyDescent="0.2">
      <c r="A47" s="592"/>
      <c r="B47" s="190" t="s">
        <v>125</v>
      </c>
      <c r="C47" s="191" t="s">
        <v>36</v>
      </c>
      <c r="D47" s="192">
        <v>234047</v>
      </c>
      <c r="E47" s="193">
        <v>84244</v>
      </c>
      <c r="F47" s="300">
        <v>36</v>
      </c>
      <c r="G47" s="301">
        <v>1.58</v>
      </c>
      <c r="H47" s="302">
        <v>1.0900000000000001</v>
      </c>
      <c r="I47" s="192">
        <v>53596</v>
      </c>
      <c r="J47" s="193">
        <v>16603</v>
      </c>
      <c r="K47" s="300">
        <v>31</v>
      </c>
      <c r="L47" s="301">
        <v>3.79</v>
      </c>
      <c r="M47" s="302">
        <v>1.1200000000000001</v>
      </c>
      <c r="N47" s="192">
        <v>180451</v>
      </c>
      <c r="O47" s="193">
        <v>67641</v>
      </c>
      <c r="P47" s="300">
        <v>37.5</v>
      </c>
      <c r="Q47" s="301">
        <v>0.94</v>
      </c>
      <c r="R47" s="302">
        <v>1.0900000000000001</v>
      </c>
      <c r="S47" s="190" t="s">
        <v>125</v>
      </c>
    </row>
    <row r="48" spans="1:19" ht="11.25" customHeight="1" x14ac:dyDescent="0.15">
      <c r="A48" s="93"/>
      <c r="B48" s="303"/>
      <c r="C48" s="304"/>
      <c r="D48" s="305"/>
      <c r="E48" s="305"/>
      <c r="F48" s="306"/>
      <c r="G48" s="307"/>
      <c r="H48" s="307"/>
      <c r="I48" s="308"/>
      <c r="J48" s="308"/>
      <c r="K48" s="309"/>
      <c r="L48" s="304"/>
      <c r="M48" s="307"/>
      <c r="N48" s="308"/>
      <c r="O48" s="308"/>
      <c r="P48" s="309"/>
      <c r="Q48" s="304"/>
      <c r="R48" s="304"/>
      <c r="S48" s="304"/>
    </row>
    <row r="49" spans="1:16" ht="11.25" customHeight="1" x14ac:dyDescent="0.15">
      <c r="A49" s="93"/>
      <c r="D49" s="308"/>
      <c r="E49" s="308"/>
      <c r="F49" s="309"/>
      <c r="G49" s="304"/>
      <c r="H49" s="304"/>
      <c r="I49" s="308"/>
      <c r="J49" s="308"/>
      <c r="K49" s="309"/>
      <c r="M49" s="304"/>
      <c r="N49" s="308"/>
      <c r="O49" s="308"/>
      <c r="P49" s="309"/>
    </row>
  </sheetData>
  <mergeCells count="21">
    <mergeCell ref="Q5:R5"/>
    <mergeCell ref="G6:G7"/>
    <mergeCell ref="H6:H7"/>
    <mergeCell ref="L6:L7"/>
    <mergeCell ref="M6:M7"/>
    <mergeCell ref="D5:D7"/>
    <mergeCell ref="Q6:Q7"/>
    <mergeCell ref="A1:A47"/>
    <mergeCell ref="B1:S1"/>
    <mergeCell ref="B2:G2"/>
    <mergeCell ref="O2:S2"/>
    <mergeCell ref="B3:C7"/>
    <mergeCell ref="D3:H4"/>
    <mergeCell ref="I3:M4"/>
    <mergeCell ref="N3:R4"/>
    <mergeCell ref="S3:S7"/>
    <mergeCell ref="R6:R7"/>
    <mergeCell ref="G5:H5"/>
    <mergeCell ref="I5:I7"/>
    <mergeCell ref="L5:M5"/>
    <mergeCell ref="N5:N7"/>
  </mergeCells>
  <phoneticPr fontId="3"/>
  <printOptions horizontalCentered="1"/>
  <pageMargins left="0.59055118110236227" right="0.59055118110236227" top="0.39370078740157483" bottom="0.59055118110236227" header="0" footer="0.19685039370078741"/>
  <pageSetup paperSize="9" scale="91" orientation="landscape" errors="blank" r:id="rId1"/>
  <headerFooter alignWithMargins="0"/>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3">
    <tabColor indexed="52"/>
  </sheetPr>
  <dimension ref="A1:T48"/>
  <sheetViews>
    <sheetView view="pageBreakPreview" zoomScaleNormal="80" zoomScaleSheetLayoutView="100" workbookViewId="0">
      <selection sqref="A1:A47"/>
    </sheetView>
  </sheetViews>
  <sheetFormatPr defaultRowHeight="13.5" x14ac:dyDescent="0.15"/>
  <cols>
    <col min="1" max="1" width="5" style="198" customWidth="1"/>
    <col min="2" max="2" width="6.625" style="200" customWidth="1"/>
    <col min="3" max="3" width="22.5" style="198" customWidth="1"/>
    <col min="4" max="4" width="9.125" style="197" customWidth="1"/>
    <col min="5" max="5" width="8.625" style="198" customWidth="1"/>
    <col min="6" max="8" width="5.5" style="198" customWidth="1"/>
    <col min="9" max="9" width="9.125" style="198" customWidth="1"/>
    <col min="10" max="10" width="8.625" style="198" customWidth="1"/>
    <col min="11" max="13" width="5.5" style="198" customWidth="1"/>
    <col min="14" max="14" width="9.125" style="198" customWidth="1"/>
    <col min="15" max="15" width="8.625" style="198" customWidth="1"/>
    <col min="16" max="18" width="5.5" style="198" customWidth="1"/>
    <col min="19" max="19" width="6.625" style="198" customWidth="1"/>
    <col min="20" max="16384" width="9" style="1"/>
  </cols>
  <sheetData>
    <row r="1" spans="1:20" ht="22.5" customHeight="1" x14ac:dyDescent="0.15">
      <c r="A1" s="592" t="s">
        <v>153</v>
      </c>
      <c r="B1" s="593" t="s">
        <v>154</v>
      </c>
      <c r="C1" s="593"/>
      <c r="D1" s="593"/>
      <c r="E1" s="593"/>
      <c r="F1" s="593"/>
      <c r="G1" s="593"/>
      <c r="H1" s="593"/>
      <c r="I1" s="593"/>
      <c r="J1" s="593"/>
      <c r="K1" s="593"/>
      <c r="L1" s="593"/>
      <c r="M1" s="593"/>
      <c r="N1" s="593"/>
      <c r="O1" s="593"/>
      <c r="P1" s="593"/>
      <c r="Q1" s="593"/>
      <c r="R1" s="593"/>
      <c r="S1" s="593"/>
      <c r="T1" s="149"/>
    </row>
    <row r="2" spans="1:20" ht="11.25" customHeight="1" thickBot="1" x14ac:dyDescent="0.2">
      <c r="A2" s="592"/>
      <c r="B2" s="594" t="s">
        <v>128</v>
      </c>
      <c r="C2" s="594"/>
      <c r="D2" s="594"/>
      <c r="E2" s="594"/>
      <c r="F2" s="594"/>
      <c r="G2" s="594"/>
      <c r="H2" s="150"/>
      <c r="I2" s="93"/>
      <c r="J2" s="93"/>
      <c r="K2" s="93"/>
      <c r="L2" s="93"/>
      <c r="M2" s="93"/>
      <c r="N2" s="93"/>
      <c r="O2" s="595" t="s">
        <v>142</v>
      </c>
      <c r="P2" s="595"/>
      <c r="Q2" s="595"/>
      <c r="R2" s="595"/>
      <c r="S2" s="595"/>
      <c r="T2" s="10"/>
    </row>
    <row r="3" spans="1:20" ht="8.25" customHeight="1" x14ac:dyDescent="0.15">
      <c r="A3" s="592"/>
      <c r="B3" s="525" t="s">
        <v>79</v>
      </c>
      <c r="C3" s="552"/>
      <c r="D3" s="524" t="s">
        <v>80</v>
      </c>
      <c r="E3" s="596"/>
      <c r="F3" s="596"/>
      <c r="G3" s="596"/>
      <c r="H3" s="633"/>
      <c r="I3" s="524" t="s">
        <v>143</v>
      </c>
      <c r="J3" s="525"/>
      <c r="K3" s="525"/>
      <c r="L3" s="525"/>
      <c r="M3" s="552"/>
      <c r="N3" s="524" t="s">
        <v>144</v>
      </c>
      <c r="O3" s="596"/>
      <c r="P3" s="596"/>
      <c r="Q3" s="596"/>
      <c r="R3" s="633"/>
      <c r="S3" s="524" t="s">
        <v>83</v>
      </c>
    </row>
    <row r="4" spans="1:20" ht="8.25" customHeight="1" x14ac:dyDescent="0.15">
      <c r="A4" s="592"/>
      <c r="B4" s="527"/>
      <c r="C4" s="553"/>
      <c r="D4" s="634"/>
      <c r="E4" s="597"/>
      <c r="F4" s="597"/>
      <c r="G4" s="597"/>
      <c r="H4" s="635"/>
      <c r="I4" s="600"/>
      <c r="J4" s="554"/>
      <c r="K4" s="554"/>
      <c r="L4" s="554"/>
      <c r="M4" s="555"/>
      <c r="N4" s="600"/>
      <c r="O4" s="597"/>
      <c r="P4" s="597"/>
      <c r="Q4" s="597"/>
      <c r="R4" s="635"/>
      <c r="S4" s="526"/>
    </row>
    <row r="5" spans="1:20" ht="13.5" customHeight="1" x14ac:dyDescent="0.15">
      <c r="A5" s="592"/>
      <c r="B5" s="527"/>
      <c r="C5" s="553"/>
      <c r="D5" s="631" t="s">
        <v>145</v>
      </c>
      <c r="E5" s="278"/>
      <c r="F5" s="279"/>
      <c r="G5" s="636" t="s">
        <v>146</v>
      </c>
      <c r="H5" s="637"/>
      <c r="I5" s="631" t="s">
        <v>145</v>
      </c>
      <c r="J5" s="6"/>
      <c r="K5" s="280"/>
      <c r="L5" s="636" t="s">
        <v>146</v>
      </c>
      <c r="M5" s="637"/>
      <c r="N5" s="631" t="s">
        <v>145</v>
      </c>
      <c r="O5" s="6"/>
      <c r="P5" s="280"/>
      <c r="Q5" s="636" t="s">
        <v>146</v>
      </c>
      <c r="R5" s="637"/>
      <c r="S5" s="526"/>
    </row>
    <row r="6" spans="1:20" s="8" customFormat="1" ht="11.25" customHeight="1" x14ac:dyDescent="0.15">
      <c r="A6" s="592"/>
      <c r="B6" s="527"/>
      <c r="C6" s="553"/>
      <c r="D6" s="632"/>
      <c r="E6" s="166" t="s">
        <v>147</v>
      </c>
      <c r="F6" s="166" t="s">
        <v>148</v>
      </c>
      <c r="G6" s="598" t="s">
        <v>149</v>
      </c>
      <c r="H6" s="598" t="s">
        <v>150</v>
      </c>
      <c r="I6" s="632"/>
      <c r="J6" s="166" t="s">
        <v>147</v>
      </c>
      <c r="K6" s="166" t="s">
        <v>148</v>
      </c>
      <c r="L6" s="598" t="s">
        <v>149</v>
      </c>
      <c r="M6" s="598" t="s">
        <v>150</v>
      </c>
      <c r="N6" s="632"/>
      <c r="O6" s="166" t="s">
        <v>147</v>
      </c>
      <c r="P6" s="166" t="s">
        <v>148</v>
      </c>
      <c r="Q6" s="598" t="s">
        <v>149</v>
      </c>
      <c r="R6" s="598" t="s">
        <v>150</v>
      </c>
      <c r="S6" s="526"/>
    </row>
    <row r="7" spans="1:20" s="8" customFormat="1" ht="11.25" customHeight="1" x14ac:dyDescent="0.15">
      <c r="A7" s="592"/>
      <c r="B7" s="554"/>
      <c r="C7" s="555"/>
      <c r="D7" s="632"/>
      <c r="E7" s="166" t="s">
        <v>151</v>
      </c>
      <c r="F7" s="166" t="s">
        <v>152</v>
      </c>
      <c r="G7" s="599"/>
      <c r="H7" s="599"/>
      <c r="I7" s="632"/>
      <c r="J7" s="166" t="s">
        <v>151</v>
      </c>
      <c r="K7" s="166" t="s">
        <v>152</v>
      </c>
      <c r="L7" s="599"/>
      <c r="M7" s="599"/>
      <c r="N7" s="632"/>
      <c r="O7" s="166" t="s">
        <v>151</v>
      </c>
      <c r="P7" s="166" t="s">
        <v>152</v>
      </c>
      <c r="Q7" s="599"/>
      <c r="R7" s="599"/>
      <c r="S7" s="600"/>
    </row>
    <row r="8" spans="1:20" ht="13.5" customHeight="1" x14ac:dyDescent="0.15">
      <c r="A8" s="592"/>
      <c r="B8" s="167" t="s">
        <v>88</v>
      </c>
      <c r="C8" s="168" t="s">
        <v>89</v>
      </c>
      <c r="D8" s="202">
        <v>1877821</v>
      </c>
      <c r="E8" s="203">
        <v>586439</v>
      </c>
      <c r="F8" s="310">
        <v>31.2</v>
      </c>
      <c r="G8" s="311">
        <v>1.53</v>
      </c>
      <c r="H8" s="312">
        <v>1.73</v>
      </c>
      <c r="I8" s="202">
        <v>1053673</v>
      </c>
      <c r="J8" s="203">
        <v>176517</v>
      </c>
      <c r="K8" s="310">
        <v>16.8</v>
      </c>
      <c r="L8" s="311">
        <v>1.46</v>
      </c>
      <c r="M8" s="312">
        <v>1.46</v>
      </c>
      <c r="N8" s="202">
        <v>824148</v>
      </c>
      <c r="O8" s="203">
        <v>409922</v>
      </c>
      <c r="P8" s="310">
        <v>49.7</v>
      </c>
      <c r="Q8" s="311">
        <v>1.61</v>
      </c>
      <c r="R8" s="312">
        <v>2.0699999999999998</v>
      </c>
      <c r="S8" s="167" t="s">
        <v>88</v>
      </c>
    </row>
    <row r="9" spans="1:20" ht="7.5" customHeight="1" x14ac:dyDescent="0.15">
      <c r="A9" s="592"/>
      <c r="B9" s="172"/>
      <c r="C9" s="173"/>
      <c r="D9" s="205"/>
      <c r="E9" s="206"/>
      <c r="F9" s="313"/>
      <c r="G9" s="314"/>
      <c r="H9" s="315"/>
      <c r="I9" s="205"/>
      <c r="J9" s="206"/>
      <c r="K9" s="313"/>
      <c r="L9" s="314"/>
      <c r="M9" s="315"/>
      <c r="N9" s="205"/>
      <c r="O9" s="206"/>
      <c r="P9" s="313"/>
      <c r="Q9" s="314"/>
      <c r="R9" s="315"/>
      <c r="S9" s="172"/>
    </row>
    <row r="10" spans="1:20" ht="13.5" customHeight="1" x14ac:dyDescent="0.15">
      <c r="A10" s="592"/>
      <c r="B10" s="172" t="s">
        <v>90</v>
      </c>
      <c r="C10" s="177" t="s">
        <v>1</v>
      </c>
      <c r="D10" s="205">
        <v>48028</v>
      </c>
      <c r="E10" s="206">
        <v>1224</v>
      </c>
      <c r="F10" s="313">
        <v>2.5</v>
      </c>
      <c r="G10" s="314">
        <v>0.46</v>
      </c>
      <c r="H10" s="315">
        <v>1.26</v>
      </c>
      <c r="I10" s="205">
        <v>41450</v>
      </c>
      <c r="J10" s="206">
        <v>198</v>
      </c>
      <c r="K10" s="313">
        <v>0.5</v>
      </c>
      <c r="L10" s="314">
        <v>0.52</v>
      </c>
      <c r="M10" s="315">
        <v>1.42</v>
      </c>
      <c r="N10" s="205">
        <v>6578</v>
      </c>
      <c r="O10" s="206">
        <v>1026</v>
      </c>
      <c r="P10" s="313">
        <v>15.6</v>
      </c>
      <c r="Q10" s="314">
        <v>0.11</v>
      </c>
      <c r="R10" s="315">
        <v>0.3</v>
      </c>
      <c r="S10" s="172" t="s">
        <v>90</v>
      </c>
    </row>
    <row r="11" spans="1:20" ht="13.5" customHeight="1" x14ac:dyDescent="0.15">
      <c r="A11" s="592"/>
      <c r="B11" s="167" t="s">
        <v>91</v>
      </c>
      <c r="C11" s="168" t="s">
        <v>2</v>
      </c>
      <c r="D11" s="187">
        <v>307980</v>
      </c>
      <c r="E11" s="188">
        <v>35665</v>
      </c>
      <c r="F11" s="296">
        <v>11.6</v>
      </c>
      <c r="G11" s="297">
        <v>0.79</v>
      </c>
      <c r="H11" s="298">
        <v>0.81</v>
      </c>
      <c r="I11" s="187">
        <v>234456</v>
      </c>
      <c r="J11" s="188">
        <v>8780</v>
      </c>
      <c r="K11" s="296">
        <v>3.7</v>
      </c>
      <c r="L11" s="297">
        <v>0.66</v>
      </c>
      <c r="M11" s="298">
        <v>0.8</v>
      </c>
      <c r="N11" s="187">
        <v>73524</v>
      </c>
      <c r="O11" s="188">
        <v>26885</v>
      </c>
      <c r="P11" s="296">
        <v>36.6</v>
      </c>
      <c r="Q11" s="297">
        <v>1.18</v>
      </c>
      <c r="R11" s="298">
        <v>0.85</v>
      </c>
      <c r="S11" s="167" t="s">
        <v>91</v>
      </c>
    </row>
    <row r="12" spans="1:20" ht="13.5" customHeight="1" x14ac:dyDescent="0.15">
      <c r="A12" s="592"/>
      <c r="B12" s="172" t="s">
        <v>92</v>
      </c>
      <c r="C12" s="177" t="s">
        <v>3</v>
      </c>
      <c r="D12" s="205">
        <v>7531</v>
      </c>
      <c r="E12" s="206">
        <v>451</v>
      </c>
      <c r="F12" s="313">
        <v>6</v>
      </c>
      <c r="G12" s="314">
        <v>0.25</v>
      </c>
      <c r="H12" s="315">
        <v>0.11</v>
      </c>
      <c r="I12" s="205">
        <v>6685</v>
      </c>
      <c r="J12" s="206">
        <v>243</v>
      </c>
      <c r="K12" s="313">
        <v>3.6</v>
      </c>
      <c r="L12" s="314">
        <v>0.28000000000000003</v>
      </c>
      <c r="M12" s="315">
        <v>0.12</v>
      </c>
      <c r="N12" s="205">
        <v>846</v>
      </c>
      <c r="O12" s="206">
        <v>208</v>
      </c>
      <c r="P12" s="313">
        <v>24.6</v>
      </c>
      <c r="Q12" s="314">
        <v>0</v>
      </c>
      <c r="R12" s="315">
        <v>0</v>
      </c>
      <c r="S12" s="172" t="s">
        <v>92</v>
      </c>
    </row>
    <row r="13" spans="1:20" ht="13.5" customHeight="1" x14ac:dyDescent="0.15">
      <c r="A13" s="592"/>
      <c r="B13" s="167" t="s">
        <v>93</v>
      </c>
      <c r="C13" s="168" t="s">
        <v>4</v>
      </c>
      <c r="D13" s="187">
        <v>76749</v>
      </c>
      <c r="E13" s="188">
        <v>4885</v>
      </c>
      <c r="F13" s="296">
        <v>6.4</v>
      </c>
      <c r="G13" s="297">
        <v>0.9</v>
      </c>
      <c r="H13" s="298">
        <v>2.29</v>
      </c>
      <c r="I13" s="187">
        <v>57888</v>
      </c>
      <c r="J13" s="188">
        <v>976</v>
      </c>
      <c r="K13" s="296">
        <v>1.7</v>
      </c>
      <c r="L13" s="297">
        <v>0.78</v>
      </c>
      <c r="M13" s="298">
        <v>2.35</v>
      </c>
      <c r="N13" s="187">
        <v>18861</v>
      </c>
      <c r="O13" s="188">
        <v>3909</v>
      </c>
      <c r="P13" s="296">
        <v>20.7</v>
      </c>
      <c r="Q13" s="297">
        <v>1.25</v>
      </c>
      <c r="R13" s="298">
        <v>2.09</v>
      </c>
      <c r="S13" s="167" t="s">
        <v>93</v>
      </c>
    </row>
    <row r="14" spans="1:20" ht="13.5" customHeight="1" x14ac:dyDescent="0.15">
      <c r="A14" s="592"/>
      <c r="B14" s="172" t="s">
        <v>94</v>
      </c>
      <c r="C14" s="177" t="s">
        <v>5</v>
      </c>
      <c r="D14" s="205">
        <v>139374</v>
      </c>
      <c r="E14" s="206">
        <v>37343</v>
      </c>
      <c r="F14" s="313">
        <v>26.8</v>
      </c>
      <c r="G14" s="314">
        <v>1.42</v>
      </c>
      <c r="H14" s="315">
        <v>1.2</v>
      </c>
      <c r="I14" s="205">
        <v>105133</v>
      </c>
      <c r="J14" s="206">
        <v>18797</v>
      </c>
      <c r="K14" s="313">
        <v>17.899999999999999</v>
      </c>
      <c r="L14" s="314">
        <v>1.48</v>
      </c>
      <c r="M14" s="315">
        <v>1.08</v>
      </c>
      <c r="N14" s="205">
        <v>34241</v>
      </c>
      <c r="O14" s="206">
        <v>18546</v>
      </c>
      <c r="P14" s="313">
        <v>54.2</v>
      </c>
      <c r="Q14" s="314">
        <v>1.23</v>
      </c>
      <c r="R14" s="315">
        <v>1.58</v>
      </c>
      <c r="S14" s="172" t="s">
        <v>94</v>
      </c>
    </row>
    <row r="15" spans="1:20" ht="13.5" customHeight="1" x14ac:dyDescent="0.15">
      <c r="A15" s="592"/>
      <c r="B15" s="167" t="s">
        <v>95</v>
      </c>
      <c r="C15" s="168" t="s">
        <v>6</v>
      </c>
      <c r="D15" s="187">
        <v>268127</v>
      </c>
      <c r="E15" s="188">
        <v>128074</v>
      </c>
      <c r="F15" s="296">
        <v>47.8</v>
      </c>
      <c r="G15" s="297">
        <v>1.52</v>
      </c>
      <c r="H15" s="298">
        <v>1.47</v>
      </c>
      <c r="I15" s="187">
        <v>123936</v>
      </c>
      <c r="J15" s="188">
        <v>26248</v>
      </c>
      <c r="K15" s="296">
        <v>21.2</v>
      </c>
      <c r="L15" s="297">
        <v>1.69</v>
      </c>
      <c r="M15" s="298">
        <v>1.86</v>
      </c>
      <c r="N15" s="187">
        <v>144191</v>
      </c>
      <c r="O15" s="188">
        <v>101826</v>
      </c>
      <c r="P15" s="296">
        <v>70.599999999999994</v>
      </c>
      <c r="Q15" s="297">
        <v>1.37</v>
      </c>
      <c r="R15" s="298">
        <v>1.1399999999999999</v>
      </c>
      <c r="S15" s="167" t="s">
        <v>95</v>
      </c>
    </row>
    <row r="16" spans="1:20" ht="13.5" customHeight="1" x14ac:dyDescent="0.15">
      <c r="A16" s="592"/>
      <c r="B16" s="172" t="s">
        <v>96</v>
      </c>
      <c r="C16" s="177" t="s">
        <v>7</v>
      </c>
      <c r="D16" s="205">
        <v>27130</v>
      </c>
      <c r="E16" s="206">
        <v>3519</v>
      </c>
      <c r="F16" s="313">
        <v>13</v>
      </c>
      <c r="G16" s="314">
        <v>1.04</v>
      </c>
      <c r="H16" s="315">
        <v>0.91</v>
      </c>
      <c r="I16" s="205">
        <v>5285</v>
      </c>
      <c r="J16" s="206">
        <v>174</v>
      </c>
      <c r="K16" s="313">
        <v>3.3</v>
      </c>
      <c r="L16" s="314">
        <v>1.43</v>
      </c>
      <c r="M16" s="315">
        <v>0.52</v>
      </c>
      <c r="N16" s="205">
        <v>21845</v>
      </c>
      <c r="O16" s="206">
        <v>3345</v>
      </c>
      <c r="P16" s="313">
        <v>15.3</v>
      </c>
      <c r="Q16" s="314">
        <v>0.95</v>
      </c>
      <c r="R16" s="315">
        <v>1</v>
      </c>
      <c r="S16" s="172" t="s">
        <v>96</v>
      </c>
    </row>
    <row r="17" spans="1:19" ht="13.5" customHeight="1" x14ac:dyDescent="0.15">
      <c r="A17" s="592"/>
      <c r="B17" s="167" t="s">
        <v>97</v>
      </c>
      <c r="C17" s="168" t="s">
        <v>8</v>
      </c>
      <c r="D17" s="187">
        <v>21740</v>
      </c>
      <c r="E17" s="188">
        <v>4505</v>
      </c>
      <c r="F17" s="296">
        <v>20.7</v>
      </c>
      <c r="G17" s="297">
        <v>2.23</v>
      </c>
      <c r="H17" s="298">
        <v>0.51</v>
      </c>
      <c r="I17" s="187">
        <v>12632</v>
      </c>
      <c r="J17" s="188">
        <v>1007</v>
      </c>
      <c r="K17" s="296">
        <v>8</v>
      </c>
      <c r="L17" s="297">
        <v>2.97</v>
      </c>
      <c r="M17" s="298">
        <v>0.34</v>
      </c>
      <c r="N17" s="187">
        <v>9108</v>
      </c>
      <c r="O17" s="188">
        <v>3498</v>
      </c>
      <c r="P17" s="296">
        <v>38.4</v>
      </c>
      <c r="Q17" s="297">
        <v>1.22</v>
      </c>
      <c r="R17" s="298">
        <v>0.75</v>
      </c>
      <c r="S17" s="167" t="s">
        <v>97</v>
      </c>
    </row>
    <row r="18" spans="1:19" ht="13.5" customHeight="1" x14ac:dyDescent="0.15">
      <c r="A18" s="592"/>
      <c r="B18" s="172" t="s">
        <v>98</v>
      </c>
      <c r="C18" s="177" t="s">
        <v>9</v>
      </c>
      <c r="D18" s="205">
        <v>111404</v>
      </c>
      <c r="E18" s="206">
        <v>2645</v>
      </c>
      <c r="F18" s="313">
        <v>2.4</v>
      </c>
      <c r="G18" s="314">
        <v>0.74</v>
      </c>
      <c r="H18" s="315">
        <v>1.03</v>
      </c>
      <c r="I18" s="205">
        <v>92299</v>
      </c>
      <c r="J18" s="206">
        <v>1505</v>
      </c>
      <c r="K18" s="313">
        <v>1.6</v>
      </c>
      <c r="L18" s="314">
        <v>0.7</v>
      </c>
      <c r="M18" s="315">
        <v>1.03</v>
      </c>
      <c r="N18" s="205">
        <v>19105</v>
      </c>
      <c r="O18" s="206">
        <v>1140</v>
      </c>
      <c r="P18" s="313">
        <v>6</v>
      </c>
      <c r="Q18" s="314">
        <v>0.97</v>
      </c>
      <c r="R18" s="315">
        <v>1.04</v>
      </c>
      <c r="S18" s="172" t="s">
        <v>98</v>
      </c>
    </row>
    <row r="19" spans="1:19" ht="13.5" customHeight="1" x14ac:dyDescent="0.15">
      <c r="A19" s="592"/>
      <c r="B19" s="167" t="s">
        <v>99</v>
      </c>
      <c r="C19" s="168" t="s">
        <v>10</v>
      </c>
      <c r="D19" s="187">
        <v>127709</v>
      </c>
      <c r="E19" s="188">
        <v>85716</v>
      </c>
      <c r="F19" s="296">
        <v>67.099999999999994</v>
      </c>
      <c r="G19" s="297">
        <v>3.61</v>
      </c>
      <c r="H19" s="298">
        <v>3.35</v>
      </c>
      <c r="I19" s="187">
        <v>54520</v>
      </c>
      <c r="J19" s="188">
        <v>28179</v>
      </c>
      <c r="K19" s="296">
        <v>51.7</v>
      </c>
      <c r="L19" s="297">
        <v>3.71</v>
      </c>
      <c r="M19" s="298">
        <v>3.05</v>
      </c>
      <c r="N19" s="187">
        <v>73189</v>
      </c>
      <c r="O19" s="188">
        <v>57537</v>
      </c>
      <c r="P19" s="296">
        <v>78.599999999999994</v>
      </c>
      <c r="Q19" s="297">
        <v>3.55</v>
      </c>
      <c r="R19" s="298">
        <v>3.56</v>
      </c>
      <c r="S19" s="167" t="s">
        <v>99</v>
      </c>
    </row>
    <row r="20" spans="1:19" ht="13.5" customHeight="1" x14ac:dyDescent="0.15">
      <c r="A20" s="592"/>
      <c r="B20" s="172" t="s">
        <v>100</v>
      </c>
      <c r="C20" s="177" t="s">
        <v>11</v>
      </c>
      <c r="D20" s="205">
        <v>53545</v>
      </c>
      <c r="E20" s="206">
        <v>30054</v>
      </c>
      <c r="F20" s="313">
        <v>56.1</v>
      </c>
      <c r="G20" s="314">
        <v>1.91</v>
      </c>
      <c r="H20" s="315">
        <v>1.01</v>
      </c>
      <c r="I20" s="205">
        <v>24511</v>
      </c>
      <c r="J20" s="206">
        <v>10823</v>
      </c>
      <c r="K20" s="313">
        <v>44.2</v>
      </c>
      <c r="L20" s="314">
        <v>2.75</v>
      </c>
      <c r="M20" s="315">
        <v>1.33</v>
      </c>
      <c r="N20" s="205">
        <v>29034</v>
      </c>
      <c r="O20" s="206">
        <v>19231</v>
      </c>
      <c r="P20" s="313">
        <v>66.2</v>
      </c>
      <c r="Q20" s="314">
        <v>1.2</v>
      </c>
      <c r="R20" s="315">
        <v>0.74</v>
      </c>
      <c r="S20" s="172" t="s">
        <v>100</v>
      </c>
    </row>
    <row r="21" spans="1:19" ht="13.5" customHeight="1" x14ac:dyDescent="0.15">
      <c r="A21" s="592"/>
      <c r="B21" s="167" t="s">
        <v>101</v>
      </c>
      <c r="C21" s="168" t="s">
        <v>12</v>
      </c>
      <c r="D21" s="187">
        <v>128826</v>
      </c>
      <c r="E21" s="188">
        <v>45985</v>
      </c>
      <c r="F21" s="296">
        <v>35.700000000000003</v>
      </c>
      <c r="G21" s="297">
        <v>1.18</v>
      </c>
      <c r="H21" s="298">
        <v>0.81</v>
      </c>
      <c r="I21" s="187">
        <v>62308</v>
      </c>
      <c r="J21" s="188">
        <v>21278</v>
      </c>
      <c r="K21" s="296">
        <v>34.1</v>
      </c>
      <c r="L21" s="297">
        <v>1.51</v>
      </c>
      <c r="M21" s="298">
        <v>0.38</v>
      </c>
      <c r="N21" s="187">
        <v>66518</v>
      </c>
      <c r="O21" s="188">
        <v>24707</v>
      </c>
      <c r="P21" s="296">
        <v>37.1</v>
      </c>
      <c r="Q21" s="297">
        <v>0.88</v>
      </c>
      <c r="R21" s="298">
        <v>1.21</v>
      </c>
      <c r="S21" s="167" t="s">
        <v>101</v>
      </c>
    </row>
    <row r="22" spans="1:19" ht="13.5" customHeight="1" x14ac:dyDescent="0.15">
      <c r="A22" s="592"/>
      <c r="B22" s="172" t="s">
        <v>102</v>
      </c>
      <c r="C22" s="177" t="s">
        <v>13</v>
      </c>
      <c r="D22" s="205">
        <v>319149</v>
      </c>
      <c r="E22" s="206">
        <v>111930</v>
      </c>
      <c r="F22" s="313">
        <v>35.1</v>
      </c>
      <c r="G22" s="314">
        <v>1.28</v>
      </c>
      <c r="H22" s="315">
        <v>1.64</v>
      </c>
      <c r="I22" s="205">
        <v>95820</v>
      </c>
      <c r="J22" s="206">
        <v>24268</v>
      </c>
      <c r="K22" s="313">
        <v>25.3</v>
      </c>
      <c r="L22" s="314">
        <v>1.23</v>
      </c>
      <c r="M22" s="315">
        <v>1.0900000000000001</v>
      </c>
      <c r="N22" s="205">
        <v>223329</v>
      </c>
      <c r="O22" s="206">
        <v>87662</v>
      </c>
      <c r="P22" s="313">
        <v>39.299999999999997</v>
      </c>
      <c r="Q22" s="314">
        <v>1.3</v>
      </c>
      <c r="R22" s="315">
        <v>1.87</v>
      </c>
      <c r="S22" s="172" t="s">
        <v>102</v>
      </c>
    </row>
    <row r="23" spans="1:19" ht="13.5" customHeight="1" x14ac:dyDescent="0.15">
      <c r="A23" s="592"/>
      <c r="B23" s="167" t="s">
        <v>103</v>
      </c>
      <c r="C23" s="168" t="s">
        <v>14</v>
      </c>
      <c r="D23" s="187">
        <v>7696</v>
      </c>
      <c r="E23" s="188">
        <v>1467</v>
      </c>
      <c r="F23" s="296">
        <v>19.100000000000001</v>
      </c>
      <c r="G23" s="297">
        <v>1.07</v>
      </c>
      <c r="H23" s="298">
        <v>0.48</v>
      </c>
      <c r="I23" s="187">
        <v>5239</v>
      </c>
      <c r="J23" s="188">
        <v>561</v>
      </c>
      <c r="K23" s="296">
        <v>10.7</v>
      </c>
      <c r="L23" s="297">
        <v>1.1100000000000001</v>
      </c>
      <c r="M23" s="298">
        <v>0.48</v>
      </c>
      <c r="N23" s="187">
        <v>2457</v>
      </c>
      <c r="O23" s="188">
        <v>906</v>
      </c>
      <c r="P23" s="296">
        <v>36.9</v>
      </c>
      <c r="Q23" s="297">
        <v>0.98</v>
      </c>
      <c r="R23" s="298">
        <v>0.49</v>
      </c>
      <c r="S23" s="167" t="s">
        <v>103</v>
      </c>
    </row>
    <row r="24" spans="1:19" ht="13.5" customHeight="1" x14ac:dyDescent="0.15">
      <c r="A24" s="592"/>
      <c r="B24" s="172" t="s">
        <v>104</v>
      </c>
      <c r="C24" s="177" t="s">
        <v>15</v>
      </c>
      <c r="D24" s="205">
        <v>232833</v>
      </c>
      <c r="E24" s="206">
        <v>92976</v>
      </c>
      <c r="F24" s="313">
        <v>39.9</v>
      </c>
      <c r="G24" s="314">
        <v>2.74</v>
      </c>
      <c r="H24" s="315">
        <v>3.99</v>
      </c>
      <c r="I24" s="205">
        <v>131511</v>
      </c>
      <c r="J24" s="206">
        <v>33480</v>
      </c>
      <c r="K24" s="313">
        <v>25.5</v>
      </c>
      <c r="L24" s="314">
        <v>2.72</v>
      </c>
      <c r="M24" s="315">
        <v>2.9</v>
      </c>
      <c r="N24" s="205">
        <v>101322</v>
      </c>
      <c r="O24" s="206">
        <v>59496</v>
      </c>
      <c r="P24" s="313">
        <v>58.7</v>
      </c>
      <c r="Q24" s="314">
        <v>2.77</v>
      </c>
      <c r="R24" s="315">
        <v>5.37</v>
      </c>
      <c r="S24" s="172" t="s">
        <v>104</v>
      </c>
    </row>
    <row r="25" spans="1:19" ht="7.5" customHeight="1" x14ac:dyDescent="0.15">
      <c r="A25" s="592"/>
      <c r="B25" s="172"/>
      <c r="C25" s="177"/>
      <c r="D25" s="184"/>
      <c r="E25" s="185"/>
      <c r="F25" s="293"/>
      <c r="G25" s="294"/>
      <c r="H25" s="295"/>
      <c r="I25" s="184"/>
      <c r="J25" s="185"/>
      <c r="K25" s="293"/>
      <c r="L25" s="294"/>
      <c r="M25" s="295"/>
      <c r="N25" s="184"/>
      <c r="O25" s="185"/>
      <c r="P25" s="293"/>
      <c r="Q25" s="294"/>
      <c r="R25" s="295"/>
      <c r="S25" s="172"/>
    </row>
    <row r="26" spans="1:19" ht="13.5" customHeight="1" x14ac:dyDescent="0.15">
      <c r="A26" s="592"/>
      <c r="B26" s="167" t="s">
        <v>105</v>
      </c>
      <c r="C26" s="168" t="s">
        <v>16</v>
      </c>
      <c r="D26" s="187">
        <v>44766</v>
      </c>
      <c r="E26" s="188">
        <v>26411</v>
      </c>
      <c r="F26" s="296">
        <v>59</v>
      </c>
      <c r="G26" s="297">
        <v>1.26</v>
      </c>
      <c r="H26" s="298">
        <v>0.96</v>
      </c>
      <c r="I26" s="187">
        <v>18815</v>
      </c>
      <c r="J26" s="188">
        <v>5906</v>
      </c>
      <c r="K26" s="296">
        <v>31.4</v>
      </c>
      <c r="L26" s="297">
        <v>1.19</v>
      </c>
      <c r="M26" s="298">
        <v>1.1299999999999999</v>
      </c>
      <c r="N26" s="187">
        <v>25951</v>
      </c>
      <c r="O26" s="188">
        <v>20505</v>
      </c>
      <c r="P26" s="296">
        <v>79</v>
      </c>
      <c r="Q26" s="297">
        <v>1.3</v>
      </c>
      <c r="R26" s="298">
        <v>0.84</v>
      </c>
      <c r="S26" s="167" t="s">
        <v>105</v>
      </c>
    </row>
    <row r="27" spans="1:19" ht="13.5" customHeight="1" x14ac:dyDescent="0.15">
      <c r="A27" s="592"/>
      <c r="B27" s="172" t="s">
        <v>106</v>
      </c>
      <c r="C27" s="177" t="s">
        <v>17</v>
      </c>
      <c r="D27" s="184">
        <v>1172</v>
      </c>
      <c r="E27" s="185">
        <v>266</v>
      </c>
      <c r="F27" s="293">
        <v>22.7</v>
      </c>
      <c r="G27" s="294">
        <v>1.91</v>
      </c>
      <c r="H27" s="295">
        <v>0.26</v>
      </c>
      <c r="I27" s="184">
        <v>573</v>
      </c>
      <c r="J27" s="185">
        <v>10</v>
      </c>
      <c r="K27" s="293">
        <v>1.7</v>
      </c>
      <c r="L27" s="294">
        <v>3.79</v>
      </c>
      <c r="M27" s="295">
        <v>0.36</v>
      </c>
      <c r="N27" s="184">
        <v>599</v>
      </c>
      <c r="O27" s="185">
        <v>256</v>
      </c>
      <c r="P27" s="293">
        <v>42.7</v>
      </c>
      <c r="Q27" s="294">
        <v>0.17</v>
      </c>
      <c r="R27" s="295">
        <v>0.17</v>
      </c>
      <c r="S27" s="172" t="s">
        <v>106</v>
      </c>
    </row>
    <row r="28" spans="1:19" ht="13.5" customHeight="1" x14ac:dyDescent="0.15">
      <c r="A28" s="592"/>
      <c r="B28" s="167" t="s">
        <v>107</v>
      </c>
      <c r="C28" s="168" t="s">
        <v>18</v>
      </c>
      <c r="D28" s="187">
        <v>1988</v>
      </c>
      <c r="E28" s="188">
        <v>372</v>
      </c>
      <c r="F28" s="296">
        <v>18.7</v>
      </c>
      <c r="G28" s="297">
        <v>0.55000000000000004</v>
      </c>
      <c r="H28" s="298">
        <v>1</v>
      </c>
      <c r="I28" s="187">
        <v>1541</v>
      </c>
      <c r="J28" s="188">
        <v>113</v>
      </c>
      <c r="K28" s="296">
        <v>7.3</v>
      </c>
      <c r="L28" s="297">
        <v>0.52</v>
      </c>
      <c r="M28" s="298">
        <v>0.65</v>
      </c>
      <c r="N28" s="187">
        <v>447</v>
      </c>
      <c r="O28" s="188">
        <v>259</v>
      </c>
      <c r="P28" s="296">
        <v>57.9</v>
      </c>
      <c r="Q28" s="297">
        <v>0.66</v>
      </c>
      <c r="R28" s="298">
        <v>2.2000000000000002</v>
      </c>
      <c r="S28" s="167" t="s">
        <v>107</v>
      </c>
    </row>
    <row r="29" spans="1:19" ht="13.5" customHeight="1" x14ac:dyDescent="0.15">
      <c r="A29" s="592"/>
      <c r="B29" s="172" t="s">
        <v>108</v>
      </c>
      <c r="C29" s="177" t="s">
        <v>19</v>
      </c>
      <c r="D29" s="205">
        <v>4505</v>
      </c>
      <c r="E29" s="206">
        <v>452</v>
      </c>
      <c r="F29" s="313">
        <v>10</v>
      </c>
      <c r="G29" s="314">
        <v>0.82</v>
      </c>
      <c r="H29" s="315">
        <v>0.73</v>
      </c>
      <c r="I29" s="205">
        <v>3207</v>
      </c>
      <c r="J29" s="206">
        <v>197</v>
      </c>
      <c r="K29" s="313">
        <v>6.1</v>
      </c>
      <c r="L29" s="294">
        <v>0.59</v>
      </c>
      <c r="M29" s="295">
        <v>0.84</v>
      </c>
      <c r="N29" s="205">
        <v>1298</v>
      </c>
      <c r="O29" s="206">
        <v>255</v>
      </c>
      <c r="P29" s="313">
        <v>19.600000000000001</v>
      </c>
      <c r="Q29" s="294">
        <v>1.4</v>
      </c>
      <c r="R29" s="295">
        <v>0.47</v>
      </c>
      <c r="S29" s="172" t="s">
        <v>108</v>
      </c>
    </row>
    <row r="30" spans="1:19" ht="13.5" customHeight="1" x14ac:dyDescent="0.15">
      <c r="A30" s="592"/>
      <c r="B30" s="167" t="s">
        <v>109</v>
      </c>
      <c r="C30" s="168" t="s">
        <v>20</v>
      </c>
      <c r="D30" s="187">
        <v>6623</v>
      </c>
      <c r="E30" s="188">
        <v>521</v>
      </c>
      <c r="F30" s="296">
        <v>7.9</v>
      </c>
      <c r="G30" s="297">
        <v>0.76</v>
      </c>
      <c r="H30" s="298">
        <v>0.47</v>
      </c>
      <c r="I30" s="187">
        <v>5185</v>
      </c>
      <c r="J30" s="188">
        <v>202</v>
      </c>
      <c r="K30" s="296">
        <v>3.9</v>
      </c>
      <c r="L30" s="297">
        <v>0.81</v>
      </c>
      <c r="M30" s="298">
        <v>0.33</v>
      </c>
      <c r="N30" s="187">
        <v>1438</v>
      </c>
      <c r="O30" s="188">
        <v>319</v>
      </c>
      <c r="P30" s="296">
        <v>22.2</v>
      </c>
      <c r="Q30" s="297">
        <v>0.55000000000000004</v>
      </c>
      <c r="R30" s="298">
        <v>0.97</v>
      </c>
      <c r="S30" s="167" t="s">
        <v>109</v>
      </c>
    </row>
    <row r="31" spans="1:19" ht="13.5" customHeight="1" x14ac:dyDescent="0.15">
      <c r="A31" s="592"/>
      <c r="B31" s="172" t="s">
        <v>110</v>
      </c>
      <c r="C31" s="177" t="s">
        <v>21</v>
      </c>
      <c r="D31" s="205">
        <v>27793</v>
      </c>
      <c r="E31" s="206">
        <v>168</v>
      </c>
      <c r="F31" s="313">
        <v>0.6</v>
      </c>
      <c r="G31" s="314">
        <v>0.8</v>
      </c>
      <c r="H31" s="315">
        <v>0.84</v>
      </c>
      <c r="I31" s="205">
        <v>22637</v>
      </c>
      <c r="J31" s="206">
        <v>109</v>
      </c>
      <c r="K31" s="313">
        <v>0.5</v>
      </c>
      <c r="L31" s="294">
        <v>0.78</v>
      </c>
      <c r="M31" s="295">
        <v>0.99</v>
      </c>
      <c r="N31" s="205">
        <v>5156</v>
      </c>
      <c r="O31" s="206">
        <v>59</v>
      </c>
      <c r="P31" s="313">
        <v>1.1000000000000001</v>
      </c>
      <c r="Q31" s="294">
        <v>0.88</v>
      </c>
      <c r="R31" s="295">
        <v>0.18</v>
      </c>
      <c r="S31" s="172" t="s">
        <v>110</v>
      </c>
    </row>
    <row r="32" spans="1:19" ht="13.5" customHeight="1" x14ac:dyDescent="0.15">
      <c r="A32" s="592"/>
      <c r="B32" s="167" t="s">
        <v>111</v>
      </c>
      <c r="C32" s="168" t="s">
        <v>22</v>
      </c>
      <c r="D32" s="187">
        <v>10505</v>
      </c>
      <c r="E32" s="188">
        <v>1989</v>
      </c>
      <c r="F32" s="296">
        <v>18.899999999999999</v>
      </c>
      <c r="G32" s="297">
        <v>0.9</v>
      </c>
      <c r="H32" s="298">
        <v>0.05</v>
      </c>
      <c r="I32" s="187">
        <v>6632</v>
      </c>
      <c r="J32" s="188">
        <v>402</v>
      </c>
      <c r="K32" s="296">
        <v>6.1</v>
      </c>
      <c r="L32" s="297">
        <v>0.48</v>
      </c>
      <c r="M32" s="298">
        <v>0.08</v>
      </c>
      <c r="N32" s="187">
        <v>3873</v>
      </c>
      <c r="O32" s="188">
        <v>1587</v>
      </c>
      <c r="P32" s="296">
        <v>41</v>
      </c>
      <c r="Q32" s="297">
        <v>1.63</v>
      </c>
      <c r="R32" s="298">
        <v>0</v>
      </c>
      <c r="S32" s="167" t="s">
        <v>111</v>
      </c>
    </row>
    <row r="33" spans="1:19" ht="13.5" customHeight="1" x14ac:dyDescent="0.15">
      <c r="A33" s="592"/>
      <c r="B33" s="172" t="s">
        <v>112</v>
      </c>
      <c r="C33" s="177" t="s">
        <v>23</v>
      </c>
      <c r="D33" s="205">
        <v>2511</v>
      </c>
      <c r="E33" s="206">
        <v>107</v>
      </c>
      <c r="F33" s="313">
        <v>4.3</v>
      </c>
      <c r="G33" s="314">
        <v>2.4300000000000002</v>
      </c>
      <c r="H33" s="315">
        <v>0.93</v>
      </c>
      <c r="I33" s="205">
        <v>2117</v>
      </c>
      <c r="J33" s="206">
        <v>36</v>
      </c>
      <c r="K33" s="313">
        <v>1.7</v>
      </c>
      <c r="L33" s="294">
        <v>1.71</v>
      </c>
      <c r="M33" s="295">
        <v>1.0900000000000001</v>
      </c>
      <c r="N33" s="205">
        <v>394</v>
      </c>
      <c r="O33" s="206">
        <v>71</v>
      </c>
      <c r="P33" s="313">
        <v>18</v>
      </c>
      <c r="Q33" s="294">
        <v>6.49</v>
      </c>
      <c r="R33" s="295">
        <v>0</v>
      </c>
      <c r="S33" s="172" t="s">
        <v>112</v>
      </c>
    </row>
    <row r="34" spans="1:19" ht="13.5" customHeight="1" x14ac:dyDescent="0.15">
      <c r="A34" s="592"/>
      <c r="B34" s="167" t="s">
        <v>113</v>
      </c>
      <c r="C34" s="168" t="s">
        <v>24</v>
      </c>
      <c r="D34" s="187">
        <v>6124</v>
      </c>
      <c r="E34" s="188">
        <v>132</v>
      </c>
      <c r="F34" s="296">
        <v>2.2000000000000002</v>
      </c>
      <c r="G34" s="297">
        <v>0.26</v>
      </c>
      <c r="H34" s="298">
        <v>0.39</v>
      </c>
      <c r="I34" s="187">
        <v>4860</v>
      </c>
      <c r="J34" s="188">
        <v>88</v>
      </c>
      <c r="K34" s="296">
        <v>1.8</v>
      </c>
      <c r="L34" s="297">
        <v>0.28999999999999998</v>
      </c>
      <c r="M34" s="298">
        <v>0.43</v>
      </c>
      <c r="N34" s="187">
        <v>1264</v>
      </c>
      <c r="O34" s="188">
        <v>44</v>
      </c>
      <c r="P34" s="296">
        <v>3.5</v>
      </c>
      <c r="Q34" s="297">
        <v>0.16</v>
      </c>
      <c r="R34" s="298">
        <v>0.24</v>
      </c>
      <c r="S34" s="167" t="s">
        <v>113</v>
      </c>
    </row>
    <row r="35" spans="1:19" ht="13.5" customHeight="1" x14ac:dyDescent="0.15">
      <c r="A35" s="592"/>
      <c r="B35" s="172" t="s">
        <v>114</v>
      </c>
      <c r="C35" s="177" t="s">
        <v>25</v>
      </c>
      <c r="D35" s="205">
        <v>6084</v>
      </c>
      <c r="E35" s="206">
        <v>70</v>
      </c>
      <c r="F35" s="313">
        <v>1.2</v>
      </c>
      <c r="G35" s="314">
        <v>0.05</v>
      </c>
      <c r="H35" s="315">
        <v>0.11</v>
      </c>
      <c r="I35" s="205">
        <v>5630</v>
      </c>
      <c r="J35" s="206">
        <v>64</v>
      </c>
      <c r="K35" s="313">
        <v>1.1000000000000001</v>
      </c>
      <c r="L35" s="294">
        <v>0.02</v>
      </c>
      <c r="M35" s="295">
        <v>0.12</v>
      </c>
      <c r="N35" s="205">
        <v>454</v>
      </c>
      <c r="O35" s="206">
        <v>6</v>
      </c>
      <c r="P35" s="313">
        <v>1.3</v>
      </c>
      <c r="Q35" s="294">
        <v>0.44</v>
      </c>
      <c r="R35" s="295">
        <v>0</v>
      </c>
      <c r="S35" s="172" t="s">
        <v>114</v>
      </c>
    </row>
    <row r="36" spans="1:19" ht="13.5" customHeight="1" x14ac:dyDescent="0.15">
      <c r="A36" s="592"/>
      <c r="B36" s="167" t="s">
        <v>115</v>
      </c>
      <c r="C36" s="168" t="s">
        <v>26</v>
      </c>
      <c r="D36" s="187">
        <v>5263</v>
      </c>
      <c r="E36" s="188">
        <v>159</v>
      </c>
      <c r="F36" s="296">
        <v>3</v>
      </c>
      <c r="G36" s="297">
        <v>0.34</v>
      </c>
      <c r="H36" s="298">
        <v>0.02</v>
      </c>
      <c r="I36" s="187">
        <v>4227</v>
      </c>
      <c r="J36" s="188">
        <v>6</v>
      </c>
      <c r="K36" s="296">
        <v>0.1</v>
      </c>
      <c r="L36" s="297">
        <v>0.43</v>
      </c>
      <c r="M36" s="298">
        <v>0.02</v>
      </c>
      <c r="N36" s="187">
        <v>1036</v>
      </c>
      <c r="O36" s="188">
        <v>153</v>
      </c>
      <c r="P36" s="296">
        <v>14.8</v>
      </c>
      <c r="Q36" s="297">
        <v>0</v>
      </c>
      <c r="R36" s="298">
        <v>0</v>
      </c>
      <c r="S36" s="167" t="s">
        <v>115</v>
      </c>
    </row>
    <row r="37" spans="1:19" ht="13.5" customHeight="1" x14ac:dyDescent="0.15">
      <c r="A37" s="592"/>
      <c r="B37" s="172" t="s">
        <v>116</v>
      </c>
      <c r="C37" s="177" t="s">
        <v>27</v>
      </c>
      <c r="D37" s="205">
        <v>15210</v>
      </c>
      <c r="E37" s="206">
        <v>1014</v>
      </c>
      <c r="F37" s="313">
        <v>6.7</v>
      </c>
      <c r="G37" s="314">
        <v>0.28999999999999998</v>
      </c>
      <c r="H37" s="315">
        <v>1.24</v>
      </c>
      <c r="I37" s="205">
        <v>11272</v>
      </c>
      <c r="J37" s="206">
        <v>160</v>
      </c>
      <c r="K37" s="313">
        <v>1.4</v>
      </c>
      <c r="L37" s="294">
        <v>0.33</v>
      </c>
      <c r="M37" s="295">
        <v>0.92</v>
      </c>
      <c r="N37" s="205">
        <v>3938</v>
      </c>
      <c r="O37" s="206">
        <v>854</v>
      </c>
      <c r="P37" s="313">
        <v>21.7</v>
      </c>
      <c r="Q37" s="294">
        <v>0.17</v>
      </c>
      <c r="R37" s="295">
        <v>2.17</v>
      </c>
      <c r="S37" s="172" t="s">
        <v>116</v>
      </c>
    </row>
    <row r="38" spans="1:19" ht="13.5" customHeight="1" x14ac:dyDescent="0.15">
      <c r="A38" s="592"/>
      <c r="B38" s="167" t="s">
        <v>117</v>
      </c>
      <c r="C38" s="168" t="s">
        <v>28</v>
      </c>
      <c r="D38" s="187">
        <v>19235</v>
      </c>
      <c r="E38" s="188">
        <v>464</v>
      </c>
      <c r="F38" s="296">
        <v>2.4</v>
      </c>
      <c r="G38" s="297">
        <v>0.43</v>
      </c>
      <c r="H38" s="298">
        <v>0.68</v>
      </c>
      <c r="I38" s="187">
        <v>15997</v>
      </c>
      <c r="J38" s="188">
        <v>106</v>
      </c>
      <c r="K38" s="296">
        <v>0.7</v>
      </c>
      <c r="L38" s="297">
        <v>0.34</v>
      </c>
      <c r="M38" s="298">
        <v>0.78</v>
      </c>
      <c r="N38" s="187">
        <v>3238</v>
      </c>
      <c r="O38" s="188">
        <v>358</v>
      </c>
      <c r="P38" s="296">
        <v>11.1</v>
      </c>
      <c r="Q38" s="297">
        <v>0.87</v>
      </c>
      <c r="R38" s="298">
        <v>0.19</v>
      </c>
      <c r="S38" s="167" t="s">
        <v>117</v>
      </c>
    </row>
    <row r="39" spans="1:19" ht="13.5" customHeight="1" x14ac:dyDescent="0.15">
      <c r="A39" s="592"/>
      <c r="B39" s="172" t="s">
        <v>118</v>
      </c>
      <c r="C39" s="177" t="s">
        <v>29</v>
      </c>
      <c r="D39" s="205">
        <v>21380</v>
      </c>
      <c r="E39" s="206">
        <v>209</v>
      </c>
      <c r="F39" s="313">
        <v>1</v>
      </c>
      <c r="G39" s="314">
        <v>0.42</v>
      </c>
      <c r="H39" s="315">
        <v>0.38</v>
      </c>
      <c r="I39" s="205">
        <v>18148</v>
      </c>
      <c r="J39" s="206">
        <v>148</v>
      </c>
      <c r="K39" s="313">
        <v>0.8</v>
      </c>
      <c r="L39" s="294">
        <v>0.49</v>
      </c>
      <c r="M39" s="295">
        <v>0.39</v>
      </c>
      <c r="N39" s="205">
        <v>3232</v>
      </c>
      <c r="O39" s="206">
        <v>61</v>
      </c>
      <c r="P39" s="313">
        <v>1.9</v>
      </c>
      <c r="Q39" s="294">
        <v>0</v>
      </c>
      <c r="R39" s="295">
        <v>0.31</v>
      </c>
      <c r="S39" s="172" t="s">
        <v>118</v>
      </c>
    </row>
    <row r="40" spans="1:19" ht="13.5" customHeight="1" x14ac:dyDescent="0.15">
      <c r="A40" s="592"/>
      <c r="B40" s="167" t="s">
        <v>119</v>
      </c>
      <c r="C40" s="168" t="s">
        <v>30</v>
      </c>
      <c r="D40" s="187">
        <v>15731</v>
      </c>
      <c r="E40" s="188">
        <v>296</v>
      </c>
      <c r="F40" s="296">
        <v>1.9</v>
      </c>
      <c r="G40" s="297">
        <v>0.82</v>
      </c>
      <c r="H40" s="298">
        <v>1.68</v>
      </c>
      <c r="I40" s="187">
        <v>12423</v>
      </c>
      <c r="J40" s="188">
        <v>92</v>
      </c>
      <c r="K40" s="296">
        <v>0.7</v>
      </c>
      <c r="L40" s="297">
        <v>0.56000000000000005</v>
      </c>
      <c r="M40" s="298">
        <v>1.74</v>
      </c>
      <c r="N40" s="187">
        <v>3308</v>
      </c>
      <c r="O40" s="188">
        <v>204</v>
      </c>
      <c r="P40" s="296">
        <v>6.2</v>
      </c>
      <c r="Q40" s="297">
        <v>1.82</v>
      </c>
      <c r="R40" s="298">
        <v>1.46</v>
      </c>
      <c r="S40" s="167" t="s">
        <v>119</v>
      </c>
    </row>
    <row r="41" spans="1:19" ht="13.5" customHeight="1" x14ac:dyDescent="0.15">
      <c r="A41" s="592"/>
      <c r="B41" s="172" t="s">
        <v>120</v>
      </c>
      <c r="C41" s="177" t="s">
        <v>31</v>
      </c>
      <c r="D41" s="205">
        <v>10933</v>
      </c>
      <c r="E41" s="206">
        <v>37</v>
      </c>
      <c r="F41" s="313">
        <v>0.3</v>
      </c>
      <c r="G41" s="314">
        <v>1.57</v>
      </c>
      <c r="H41" s="315">
        <v>1.21</v>
      </c>
      <c r="I41" s="205">
        <v>8493</v>
      </c>
      <c r="J41" s="206">
        <v>31</v>
      </c>
      <c r="K41" s="313">
        <v>0.4</v>
      </c>
      <c r="L41" s="294">
        <v>0.85</v>
      </c>
      <c r="M41" s="295">
        <v>0.85</v>
      </c>
      <c r="N41" s="205">
        <v>2440</v>
      </c>
      <c r="O41" s="206">
        <v>6</v>
      </c>
      <c r="P41" s="313">
        <v>0.2</v>
      </c>
      <c r="Q41" s="294">
        <v>4.12</v>
      </c>
      <c r="R41" s="295">
        <v>2.5</v>
      </c>
      <c r="S41" s="172" t="s">
        <v>120</v>
      </c>
    </row>
    <row r="42" spans="1:19" ht="13.5" customHeight="1" x14ac:dyDescent="0.15">
      <c r="A42" s="592"/>
      <c r="B42" s="167" t="s">
        <v>121</v>
      </c>
      <c r="C42" s="168" t="s">
        <v>32</v>
      </c>
      <c r="D42" s="187">
        <v>23285</v>
      </c>
      <c r="E42" s="188">
        <v>1199</v>
      </c>
      <c r="F42" s="296">
        <v>5.0999999999999996</v>
      </c>
      <c r="G42" s="297">
        <v>0.95</v>
      </c>
      <c r="H42" s="298">
        <v>0.91</v>
      </c>
      <c r="I42" s="187">
        <v>19082</v>
      </c>
      <c r="J42" s="188">
        <v>433</v>
      </c>
      <c r="K42" s="296">
        <v>2.2999999999999998</v>
      </c>
      <c r="L42" s="297">
        <v>0.69</v>
      </c>
      <c r="M42" s="298">
        <v>0.81</v>
      </c>
      <c r="N42" s="187">
        <v>4203</v>
      </c>
      <c r="O42" s="188">
        <v>766</v>
      </c>
      <c r="P42" s="296">
        <v>18.2</v>
      </c>
      <c r="Q42" s="297">
        <v>2.16</v>
      </c>
      <c r="R42" s="298">
        <v>1.39</v>
      </c>
      <c r="S42" s="167" t="s">
        <v>121</v>
      </c>
    </row>
    <row r="43" spans="1:19" ht="13.5" customHeight="1" x14ac:dyDescent="0.15">
      <c r="A43" s="592"/>
      <c r="B43" s="172" t="s">
        <v>122</v>
      </c>
      <c r="C43" s="177" t="s">
        <v>33</v>
      </c>
      <c r="D43" s="205">
        <v>24062</v>
      </c>
      <c r="E43" s="206">
        <v>590</v>
      </c>
      <c r="F43" s="313">
        <v>2.5</v>
      </c>
      <c r="G43" s="314">
        <v>0.55000000000000004</v>
      </c>
      <c r="H43" s="315">
        <v>1.1000000000000001</v>
      </c>
      <c r="I43" s="205">
        <v>20220</v>
      </c>
      <c r="J43" s="206">
        <v>213</v>
      </c>
      <c r="K43" s="313">
        <v>1.1000000000000001</v>
      </c>
      <c r="L43" s="294">
        <v>0.48</v>
      </c>
      <c r="M43" s="295">
        <v>1.05</v>
      </c>
      <c r="N43" s="205">
        <v>3842</v>
      </c>
      <c r="O43" s="206">
        <v>377</v>
      </c>
      <c r="P43" s="313">
        <v>9.8000000000000007</v>
      </c>
      <c r="Q43" s="294">
        <v>0.91</v>
      </c>
      <c r="R43" s="295">
        <v>1.35</v>
      </c>
      <c r="S43" s="172" t="s">
        <v>122</v>
      </c>
    </row>
    <row r="44" spans="1:19" ht="13.5" customHeight="1" x14ac:dyDescent="0.15">
      <c r="A44" s="592"/>
      <c r="B44" s="167" t="s">
        <v>123</v>
      </c>
      <c r="C44" s="168" t="s">
        <v>34</v>
      </c>
      <c r="D44" s="187">
        <v>57302</v>
      </c>
      <c r="E44" s="188">
        <v>723</v>
      </c>
      <c r="F44" s="296">
        <v>1.3</v>
      </c>
      <c r="G44" s="297">
        <v>0.78</v>
      </c>
      <c r="H44" s="298">
        <v>0.69</v>
      </c>
      <c r="I44" s="187">
        <v>51042</v>
      </c>
      <c r="J44" s="188">
        <v>438</v>
      </c>
      <c r="K44" s="296">
        <v>0.9</v>
      </c>
      <c r="L44" s="297">
        <v>0.79</v>
      </c>
      <c r="M44" s="298">
        <v>0.7</v>
      </c>
      <c r="N44" s="187">
        <v>6260</v>
      </c>
      <c r="O44" s="188">
        <v>285</v>
      </c>
      <c r="P44" s="296">
        <v>4.5999999999999996</v>
      </c>
      <c r="Q44" s="297">
        <v>0.64</v>
      </c>
      <c r="R44" s="298">
        <v>0.61</v>
      </c>
      <c r="S44" s="167" t="s">
        <v>123</v>
      </c>
    </row>
    <row r="45" spans="1:19" ht="7.5" customHeight="1" x14ac:dyDescent="0.15">
      <c r="A45" s="592"/>
      <c r="B45" s="172"/>
      <c r="C45" s="177"/>
      <c r="D45" s="184"/>
      <c r="E45" s="185"/>
      <c r="F45" s="293"/>
      <c r="G45" s="294"/>
      <c r="H45" s="295"/>
      <c r="I45" s="184"/>
      <c r="J45" s="185"/>
      <c r="K45" s="293"/>
      <c r="L45" s="294"/>
      <c r="M45" s="295"/>
      <c r="N45" s="184"/>
      <c r="O45" s="185"/>
      <c r="P45" s="293"/>
      <c r="Q45" s="294"/>
      <c r="R45" s="295"/>
      <c r="S45" s="172"/>
    </row>
    <row r="46" spans="1:19" ht="13.5" customHeight="1" x14ac:dyDescent="0.15">
      <c r="A46" s="592"/>
      <c r="B46" s="172" t="s">
        <v>124</v>
      </c>
      <c r="C46" s="177" t="s">
        <v>35</v>
      </c>
      <c r="D46" s="205">
        <v>3508</v>
      </c>
      <c r="E46" s="206">
        <v>486</v>
      </c>
      <c r="F46" s="313">
        <v>13.9</v>
      </c>
      <c r="G46" s="314">
        <v>0.31</v>
      </c>
      <c r="H46" s="315">
        <v>0.54</v>
      </c>
      <c r="I46" s="205">
        <v>2355</v>
      </c>
      <c r="J46" s="206">
        <v>26</v>
      </c>
      <c r="K46" s="313">
        <v>1.1000000000000001</v>
      </c>
      <c r="L46" s="314">
        <v>0.34</v>
      </c>
      <c r="M46" s="315">
        <v>0.51</v>
      </c>
      <c r="N46" s="205">
        <v>1153</v>
      </c>
      <c r="O46" s="206">
        <v>460</v>
      </c>
      <c r="P46" s="313">
        <v>39.9</v>
      </c>
      <c r="Q46" s="314">
        <v>0.26</v>
      </c>
      <c r="R46" s="315">
        <v>0.61</v>
      </c>
      <c r="S46" s="172" t="s">
        <v>124</v>
      </c>
    </row>
    <row r="47" spans="1:19" ht="13.5" customHeight="1" thickBot="1" x14ac:dyDescent="0.2">
      <c r="A47" s="592"/>
      <c r="B47" s="190" t="s">
        <v>125</v>
      </c>
      <c r="C47" s="191" t="s">
        <v>36</v>
      </c>
      <c r="D47" s="208">
        <v>150252</v>
      </c>
      <c r="E47" s="209">
        <v>41395</v>
      </c>
      <c r="F47" s="316">
        <v>27.6</v>
      </c>
      <c r="G47" s="317">
        <v>0.94</v>
      </c>
      <c r="H47" s="318">
        <v>1.06</v>
      </c>
      <c r="I47" s="208">
        <v>41548</v>
      </c>
      <c r="J47" s="209">
        <v>11324</v>
      </c>
      <c r="K47" s="316">
        <v>27.3</v>
      </c>
      <c r="L47" s="317">
        <v>1.28</v>
      </c>
      <c r="M47" s="318">
        <v>0.69</v>
      </c>
      <c r="N47" s="208">
        <v>108704</v>
      </c>
      <c r="O47" s="209">
        <v>30071</v>
      </c>
      <c r="P47" s="316">
        <v>27.7</v>
      </c>
      <c r="Q47" s="317">
        <v>0.81</v>
      </c>
      <c r="R47" s="318">
        <v>1.2</v>
      </c>
      <c r="S47" s="190" t="s">
        <v>125</v>
      </c>
    </row>
    <row r="48" spans="1:19" ht="11.25" customHeight="1" x14ac:dyDescent="0.15">
      <c r="A48" s="93"/>
      <c r="B48" s="303"/>
      <c r="C48" s="304"/>
      <c r="D48" s="319"/>
      <c r="E48" s="304"/>
      <c r="F48" s="304"/>
      <c r="G48" s="304"/>
      <c r="H48" s="304"/>
      <c r="I48" s="304"/>
      <c r="J48" s="304"/>
      <c r="K48" s="304"/>
      <c r="L48" s="304"/>
      <c r="M48" s="304"/>
      <c r="N48" s="304"/>
      <c r="O48" s="304"/>
      <c r="P48" s="304"/>
      <c r="Q48" s="304"/>
      <c r="R48" s="304"/>
      <c r="S48" s="304"/>
    </row>
  </sheetData>
  <mergeCells count="21">
    <mergeCell ref="Q5:R5"/>
    <mergeCell ref="G6:G7"/>
    <mergeCell ref="H6:H7"/>
    <mergeCell ref="L6:L7"/>
    <mergeCell ref="M6:M7"/>
    <mergeCell ref="D5:D7"/>
    <mergeCell ref="Q6:Q7"/>
    <mergeCell ref="A1:A47"/>
    <mergeCell ref="B1:S1"/>
    <mergeCell ref="B2:G2"/>
    <mergeCell ref="O2:S2"/>
    <mergeCell ref="B3:C7"/>
    <mergeCell ref="D3:H4"/>
    <mergeCell ref="I3:M4"/>
    <mergeCell ref="N3:R4"/>
    <mergeCell ref="S3:S7"/>
    <mergeCell ref="R6:R7"/>
    <mergeCell ref="G5:H5"/>
    <mergeCell ref="I5:I7"/>
    <mergeCell ref="L5:M5"/>
    <mergeCell ref="N5:N7"/>
  </mergeCells>
  <phoneticPr fontId="3"/>
  <printOptions horizontalCentered="1"/>
  <pageMargins left="0.59055118110236227" right="0.59055118110236227" top="0.39370078740157483" bottom="0.59055118110236227" header="0" footer="0.19685039370078741"/>
  <pageSetup paperSize="9" scale="91" orientation="landscape" errors="blank" r:id="rId1"/>
  <headerFooter alignWithMargins="0"/>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4">
    <tabColor indexed="52"/>
  </sheetPr>
  <dimension ref="A1:S28"/>
  <sheetViews>
    <sheetView view="pageBreakPreview" topLeftCell="A13" zoomScaleNormal="85" zoomScaleSheetLayoutView="100" workbookViewId="0">
      <selection sqref="A1:A24"/>
    </sheetView>
  </sheetViews>
  <sheetFormatPr defaultRowHeight="13.5" x14ac:dyDescent="0.15"/>
  <cols>
    <col min="1" max="1" width="5" customWidth="1"/>
    <col min="2" max="2" width="18.875" style="395" customWidth="1"/>
    <col min="3" max="3" width="4" style="396" customWidth="1"/>
    <col min="4" max="4" width="7.875" style="93" customWidth="1"/>
    <col min="5" max="5" width="6.625" style="93" customWidth="1"/>
    <col min="6" max="6" width="7.875" style="93" customWidth="1"/>
    <col min="7" max="7" width="6.625" style="93" customWidth="1"/>
    <col min="8" max="8" width="7.875" style="198" customWidth="1"/>
    <col min="9" max="9" width="6.625" style="198" customWidth="1"/>
    <col min="10" max="10" width="7.875" style="198" customWidth="1"/>
    <col min="11" max="11" width="6.625" style="198" customWidth="1"/>
    <col min="12" max="12" width="7.875" style="198" customWidth="1"/>
    <col min="13" max="13" width="6.625" style="198" customWidth="1"/>
    <col min="14" max="14" width="7.875" style="198" customWidth="1"/>
    <col min="15" max="15" width="6.625" style="198" customWidth="1"/>
    <col min="16" max="16" width="7.875" style="198" customWidth="1"/>
    <col min="17" max="17" width="6.625" style="198" customWidth="1"/>
    <col min="18" max="18" width="7.875" style="198" customWidth="1"/>
    <col min="19" max="19" width="6.625" style="198" customWidth="1"/>
  </cols>
  <sheetData>
    <row r="1" spans="1:19" ht="24.75" customHeight="1" x14ac:dyDescent="0.15">
      <c r="A1" s="615" t="s">
        <v>155</v>
      </c>
      <c r="B1" s="616" t="s">
        <v>156</v>
      </c>
      <c r="C1" s="616"/>
      <c r="D1" s="616"/>
      <c r="E1" s="616"/>
      <c r="F1" s="616"/>
      <c r="G1" s="616"/>
      <c r="H1" s="616"/>
      <c r="I1" s="616"/>
      <c r="J1" s="616"/>
      <c r="K1" s="616"/>
      <c r="L1" s="616"/>
      <c r="M1" s="616"/>
      <c r="N1" s="616"/>
      <c r="O1" s="616"/>
      <c r="P1" s="616"/>
      <c r="Q1" s="616"/>
      <c r="R1" s="616"/>
      <c r="S1" s="616"/>
    </row>
    <row r="2" spans="1:19" ht="11.25" customHeight="1" x14ac:dyDescent="0.15">
      <c r="A2" s="615"/>
      <c r="B2" s="320"/>
      <c r="C2" s="321"/>
      <c r="D2" s="322"/>
      <c r="E2" s="322"/>
      <c r="F2" s="322"/>
      <c r="G2" s="322"/>
      <c r="H2" s="322"/>
      <c r="I2" s="322"/>
      <c r="J2" s="322"/>
      <c r="K2" s="322"/>
      <c r="L2" s="322"/>
      <c r="M2" s="323"/>
      <c r="N2" s="323"/>
      <c r="O2" s="323"/>
      <c r="P2" s="323"/>
    </row>
    <row r="3" spans="1:19" ht="15.75" customHeight="1" thickBot="1" x14ac:dyDescent="0.2">
      <c r="A3" s="615"/>
      <c r="B3" s="640" t="s">
        <v>157</v>
      </c>
      <c r="C3" s="640"/>
    </row>
    <row r="4" spans="1:19" ht="15.75" customHeight="1" x14ac:dyDescent="0.15">
      <c r="A4" s="615"/>
      <c r="B4" s="557" t="s">
        <v>158</v>
      </c>
      <c r="C4" s="619"/>
      <c r="D4" s="324"/>
      <c r="E4" s="641" t="s">
        <v>74</v>
      </c>
      <c r="F4" s="641"/>
      <c r="G4" s="325"/>
      <c r="H4" s="326"/>
      <c r="I4" s="641" t="s">
        <v>2</v>
      </c>
      <c r="J4" s="641"/>
      <c r="K4" s="97"/>
      <c r="L4" s="524" t="s">
        <v>159</v>
      </c>
      <c r="M4" s="596"/>
      <c r="N4" s="596"/>
      <c r="O4" s="633"/>
      <c r="P4" s="525" t="s">
        <v>13</v>
      </c>
      <c r="Q4" s="596"/>
      <c r="R4" s="596"/>
      <c r="S4" s="596"/>
    </row>
    <row r="5" spans="1:19" ht="15.75" customHeight="1" x14ac:dyDescent="0.15">
      <c r="A5" s="615"/>
      <c r="B5" s="559"/>
      <c r="C5" s="560"/>
      <c r="D5" s="327"/>
      <c r="E5" s="642"/>
      <c r="F5" s="642"/>
      <c r="G5" s="328"/>
      <c r="H5" s="162"/>
      <c r="I5" s="642"/>
      <c r="J5" s="642"/>
      <c r="K5" s="329"/>
      <c r="L5" s="634"/>
      <c r="M5" s="597"/>
      <c r="N5" s="597"/>
      <c r="O5" s="635"/>
      <c r="P5" s="597"/>
      <c r="Q5" s="597"/>
      <c r="R5" s="597"/>
      <c r="S5" s="597"/>
    </row>
    <row r="6" spans="1:19" ht="30" customHeight="1" x14ac:dyDescent="0.15">
      <c r="A6" s="615"/>
      <c r="B6" s="559"/>
      <c r="C6" s="560"/>
      <c r="D6" s="638" t="s">
        <v>160</v>
      </c>
      <c r="E6" s="643"/>
      <c r="F6" s="638" t="s">
        <v>161</v>
      </c>
      <c r="G6" s="646"/>
      <c r="H6" s="639" t="s">
        <v>160</v>
      </c>
      <c r="I6" s="643"/>
      <c r="J6" s="638" t="s">
        <v>161</v>
      </c>
      <c r="K6" s="639"/>
      <c r="L6" s="638" t="s">
        <v>160</v>
      </c>
      <c r="M6" s="643"/>
      <c r="N6" s="638" t="s">
        <v>161</v>
      </c>
      <c r="O6" s="639"/>
      <c r="P6" s="638" t="s">
        <v>160</v>
      </c>
      <c r="Q6" s="643"/>
      <c r="R6" s="638" t="s">
        <v>161</v>
      </c>
      <c r="S6" s="639"/>
    </row>
    <row r="7" spans="1:19" ht="10.5" customHeight="1" x14ac:dyDescent="0.15">
      <c r="A7" s="615"/>
      <c r="B7" s="559"/>
      <c r="C7" s="560"/>
      <c r="D7" s="39"/>
      <c r="E7" s="330" t="s">
        <v>162</v>
      </c>
      <c r="F7" s="38"/>
      <c r="G7" s="331" t="s">
        <v>162</v>
      </c>
      <c r="H7" s="172"/>
      <c r="I7" s="330" t="s">
        <v>162</v>
      </c>
      <c r="J7" s="172"/>
      <c r="K7" s="330" t="s">
        <v>162</v>
      </c>
      <c r="L7" s="263"/>
      <c r="M7" s="330" t="s">
        <v>162</v>
      </c>
      <c r="N7" s="172"/>
      <c r="O7" s="330" t="s">
        <v>162</v>
      </c>
      <c r="P7" s="172"/>
      <c r="Q7" s="330" t="s">
        <v>162</v>
      </c>
      <c r="R7" s="172"/>
      <c r="S7" s="332" t="s">
        <v>162</v>
      </c>
    </row>
    <row r="8" spans="1:19" s="337" customFormat="1" ht="11.25" customHeight="1" x14ac:dyDescent="0.15">
      <c r="A8" s="615"/>
      <c r="B8" s="644" t="s">
        <v>163</v>
      </c>
      <c r="C8" s="645"/>
      <c r="D8" s="333"/>
      <c r="E8" s="101" t="s">
        <v>164</v>
      </c>
      <c r="F8" s="334"/>
      <c r="G8" s="335" t="s">
        <v>164</v>
      </c>
      <c r="H8" s="334"/>
      <c r="I8" s="101" t="s">
        <v>164</v>
      </c>
      <c r="J8" s="334"/>
      <c r="K8" s="101" t="s">
        <v>164</v>
      </c>
      <c r="L8" s="336"/>
      <c r="M8" s="101" t="s">
        <v>164</v>
      </c>
      <c r="N8" s="334"/>
      <c r="O8" s="101" t="s">
        <v>164</v>
      </c>
      <c r="P8" s="334"/>
      <c r="Q8" s="101" t="s">
        <v>164</v>
      </c>
      <c r="R8" s="334"/>
      <c r="S8" s="29" t="s">
        <v>164</v>
      </c>
    </row>
    <row r="9" spans="1:19" ht="15" customHeight="1" x14ac:dyDescent="0.15">
      <c r="A9" s="615"/>
      <c r="B9" s="338"/>
      <c r="C9" s="338"/>
      <c r="D9" s="39"/>
      <c r="E9" s="339"/>
      <c r="F9" s="340"/>
      <c r="G9" s="341"/>
      <c r="H9" s="342"/>
      <c r="I9" s="339"/>
      <c r="J9" s="342"/>
      <c r="K9" s="343"/>
      <c r="L9" s="344"/>
      <c r="M9" s="339"/>
      <c r="N9" s="342"/>
      <c r="O9" s="343"/>
      <c r="P9" s="342"/>
      <c r="Q9" s="339"/>
      <c r="R9" s="304"/>
      <c r="S9" s="339"/>
    </row>
    <row r="10" spans="1:19" ht="30" customHeight="1" x14ac:dyDescent="0.15">
      <c r="A10" s="615"/>
      <c r="B10" s="345" t="s">
        <v>41</v>
      </c>
      <c r="C10" s="346" t="s">
        <v>165</v>
      </c>
      <c r="D10" s="347">
        <v>695824</v>
      </c>
      <c r="E10" s="348">
        <v>5.0999999999999996</v>
      </c>
      <c r="F10" s="349">
        <v>112067</v>
      </c>
      <c r="G10" s="350">
        <v>3.9</v>
      </c>
      <c r="H10" s="349">
        <v>794726</v>
      </c>
      <c r="I10" s="348">
        <v>8.6</v>
      </c>
      <c r="J10" s="349">
        <v>172769</v>
      </c>
      <c r="K10" s="351">
        <v>-1.2</v>
      </c>
      <c r="L10" s="347">
        <v>549238</v>
      </c>
      <c r="M10" s="348">
        <v>7.2</v>
      </c>
      <c r="N10" s="349">
        <v>100214</v>
      </c>
      <c r="O10" s="351">
        <v>0.2</v>
      </c>
      <c r="P10" s="349">
        <v>534654</v>
      </c>
      <c r="Q10" s="348">
        <v>6.6</v>
      </c>
      <c r="R10" s="349">
        <v>139187</v>
      </c>
      <c r="S10" s="348">
        <v>9.3000000000000007</v>
      </c>
    </row>
    <row r="11" spans="1:19" ht="30" customHeight="1" x14ac:dyDescent="0.15">
      <c r="A11" s="615"/>
      <c r="B11" s="352" t="s">
        <v>37</v>
      </c>
      <c r="C11" s="353" t="s">
        <v>165</v>
      </c>
      <c r="D11" s="354">
        <v>383346</v>
      </c>
      <c r="E11" s="355">
        <v>3.5</v>
      </c>
      <c r="F11" s="356">
        <v>104118</v>
      </c>
      <c r="G11" s="357">
        <v>2</v>
      </c>
      <c r="H11" s="356">
        <v>428174</v>
      </c>
      <c r="I11" s="355">
        <v>10.3</v>
      </c>
      <c r="J11" s="356">
        <v>164912</v>
      </c>
      <c r="K11" s="358">
        <v>-0.6</v>
      </c>
      <c r="L11" s="354">
        <v>376454</v>
      </c>
      <c r="M11" s="355">
        <v>7</v>
      </c>
      <c r="N11" s="356">
        <v>96646</v>
      </c>
      <c r="O11" s="358">
        <v>-0.4</v>
      </c>
      <c r="P11" s="356">
        <v>341578</v>
      </c>
      <c r="Q11" s="355">
        <v>-1.7</v>
      </c>
      <c r="R11" s="356">
        <v>125634</v>
      </c>
      <c r="S11" s="355">
        <v>8.3000000000000007</v>
      </c>
    </row>
    <row r="12" spans="1:19" ht="30" customHeight="1" x14ac:dyDescent="0.15">
      <c r="A12" s="615"/>
      <c r="B12" s="345" t="s">
        <v>166</v>
      </c>
      <c r="C12" s="346" t="s">
        <v>165</v>
      </c>
      <c r="D12" s="347">
        <v>354166</v>
      </c>
      <c r="E12" s="348">
        <v>3</v>
      </c>
      <c r="F12" s="349">
        <v>100874</v>
      </c>
      <c r="G12" s="350">
        <v>1.4</v>
      </c>
      <c r="H12" s="349">
        <v>390660</v>
      </c>
      <c r="I12" s="348">
        <v>11.4</v>
      </c>
      <c r="J12" s="349">
        <v>152433</v>
      </c>
      <c r="K12" s="351">
        <v>-0.4</v>
      </c>
      <c r="L12" s="347">
        <v>352373</v>
      </c>
      <c r="M12" s="348">
        <v>5.3</v>
      </c>
      <c r="N12" s="349">
        <v>94895</v>
      </c>
      <c r="O12" s="351">
        <v>-0.7</v>
      </c>
      <c r="P12" s="349">
        <v>321688</v>
      </c>
      <c r="Q12" s="348">
        <v>-1.9</v>
      </c>
      <c r="R12" s="349">
        <v>122391</v>
      </c>
      <c r="S12" s="348">
        <v>6.8</v>
      </c>
    </row>
    <row r="13" spans="1:19" ht="30" customHeight="1" x14ac:dyDescent="0.15">
      <c r="A13" s="615"/>
      <c r="B13" s="352" t="s">
        <v>167</v>
      </c>
      <c r="C13" s="353" t="s">
        <v>165</v>
      </c>
      <c r="D13" s="354">
        <v>29180</v>
      </c>
      <c r="E13" s="355" t="s">
        <v>168</v>
      </c>
      <c r="F13" s="356">
        <v>3244</v>
      </c>
      <c r="G13" s="357" t="s">
        <v>168</v>
      </c>
      <c r="H13" s="356">
        <v>37514</v>
      </c>
      <c r="I13" s="355" t="s">
        <v>168</v>
      </c>
      <c r="J13" s="356">
        <v>12479</v>
      </c>
      <c r="K13" s="358" t="s">
        <v>168</v>
      </c>
      <c r="L13" s="354">
        <v>24081</v>
      </c>
      <c r="M13" s="355" t="s">
        <v>168</v>
      </c>
      <c r="N13" s="356">
        <v>1751</v>
      </c>
      <c r="O13" s="358" t="s">
        <v>168</v>
      </c>
      <c r="P13" s="356">
        <v>19890</v>
      </c>
      <c r="Q13" s="355" t="s">
        <v>168</v>
      </c>
      <c r="R13" s="356">
        <v>3243</v>
      </c>
      <c r="S13" s="355" t="s">
        <v>168</v>
      </c>
    </row>
    <row r="14" spans="1:19" ht="30" customHeight="1" x14ac:dyDescent="0.15">
      <c r="A14" s="615"/>
      <c r="B14" s="345" t="s">
        <v>169</v>
      </c>
      <c r="C14" s="346" t="s">
        <v>165</v>
      </c>
      <c r="D14" s="347">
        <v>312478</v>
      </c>
      <c r="E14" s="348" t="s">
        <v>168</v>
      </c>
      <c r="F14" s="349">
        <v>7949</v>
      </c>
      <c r="G14" s="350" t="s">
        <v>168</v>
      </c>
      <c r="H14" s="349">
        <v>366552</v>
      </c>
      <c r="I14" s="348" t="s">
        <v>168</v>
      </c>
      <c r="J14" s="349">
        <v>7857</v>
      </c>
      <c r="K14" s="351" t="s">
        <v>168</v>
      </c>
      <c r="L14" s="347">
        <v>172784</v>
      </c>
      <c r="M14" s="348" t="s">
        <v>168</v>
      </c>
      <c r="N14" s="349">
        <v>3568</v>
      </c>
      <c r="O14" s="351" t="s">
        <v>168</v>
      </c>
      <c r="P14" s="349">
        <v>193076</v>
      </c>
      <c r="Q14" s="348" t="s">
        <v>168</v>
      </c>
      <c r="R14" s="349">
        <v>13553</v>
      </c>
      <c r="S14" s="348" t="s">
        <v>168</v>
      </c>
    </row>
    <row r="15" spans="1:19" ht="15" customHeight="1" x14ac:dyDescent="0.15">
      <c r="A15" s="615"/>
      <c r="B15" s="352"/>
      <c r="C15" s="359"/>
      <c r="D15" s="360"/>
      <c r="E15" s="355"/>
      <c r="F15" s="361"/>
      <c r="G15" s="357"/>
      <c r="H15" s="361"/>
      <c r="I15" s="355"/>
      <c r="J15" s="361"/>
      <c r="K15" s="358"/>
      <c r="L15" s="360"/>
      <c r="M15" s="355"/>
      <c r="N15" s="361"/>
      <c r="O15" s="358"/>
      <c r="P15" s="361"/>
      <c r="Q15" s="355"/>
      <c r="R15" s="361"/>
      <c r="S15" s="355"/>
    </row>
    <row r="16" spans="1:19" ht="30" customHeight="1" x14ac:dyDescent="0.15">
      <c r="A16" s="615"/>
      <c r="B16" s="352" t="s">
        <v>132</v>
      </c>
      <c r="C16" s="353" t="s">
        <v>170</v>
      </c>
      <c r="D16" s="362">
        <v>20.2</v>
      </c>
      <c r="E16" s="355">
        <v>0</v>
      </c>
      <c r="F16" s="363">
        <v>13.1</v>
      </c>
      <c r="G16" s="357">
        <v>-0.3</v>
      </c>
      <c r="H16" s="363">
        <v>20</v>
      </c>
      <c r="I16" s="355">
        <v>-0.1</v>
      </c>
      <c r="J16" s="363">
        <v>16.899999999999999</v>
      </c>
      <c r="K16" s="358">
        <v>-0.4</v>
      </c>
      <c r="L16" s="362">
        <v>20.2</v>
      </c>
      <c r="M16" s="355">
        <v>-0.2</v>
      </c>
      <c r="N16" s="363">
        <v>13.9</v>
      </c>
      <c r="O16" s="358">
        <v>-0.4</v>
      </c>
      <c r="P16" s="363">
        <v>20.399999999999999</v>
      </c>
      <c r="Q16" s="355">
        <v>-0.1</v>
      </c>
      <c r="R16" s="363">
        <v>12.8</v>
      </c>
      <c r="S16" s="355">
        <v>0.1</v>
      </c>
    </row>
    <row r="17" spans="1:19" ht="30" customHeight="1" x14ac:dyDescent="0.15">
      <c r="A17" s="615"/>
      <c r="B17" s="345" t="s">
        <v>42</v>
      </c>
      <c r="C17" s="346" t="s">
        <v>171</v>
      </c>
      <c r="D17" s="364">
        <v>170.7</v>
      </c>
      <c r="E17" s="348">
        <v>0.2</v>
      </c>
      <c r="F17" s="365">
        <v>75.7</v>
      </c>
      <c r="G17" s="350">
        <v>-1.5</v>
      </c>
      <c r="H17" s="365">
        <v>172.3</v>
      </c>
      <c r="I17" s="348">
        <v>0.6</v>
      </c>
      <c r="J17" s="365">
        <v>124.6</v>
      </c>
      <c r="K17" s="351">
        <v>-4</v>
      </c>
      <c r="L17" s="364">
        <v>170</v>
      </c>
      <c r="M17" s="348">
        <v>-2</v>
      </c>
      <c r="N17" s="365">
        <v>76.400000000000006</v>
      </c>
      <c r="O17" s="351">
        <v>-4.5</v>
      </c>
      <c r="P17" s="365">
        <v>164.5</v>
      </c>
      <c r="Q17" s="348">
        <v>-2.8</v>
      </c>
      <c r="R17" s="365">
        <v>79.7</v>
      </c>
      <c r="S17" s="348">
        <v>4.8</v>
      </c>
    </row>
    <row r="18" spans="1:19" ht="30" customHeight="1" x14ac:dyDescent="0.15">
      <c r="A18" s="615"/>
      <c r="B18" s="352" t="s">
        <v>172</v>
      </c>
      <c r="C18" s="353" t="s">
        <v>171</v>
      </c>
      <c r="D18" s="362">
        <v>155.69999999999999</v>
      </c>
      <c r="E18" s="355">
        <v>-0.8</v>
      </c>
      <c r="F18" s="363">
        <v>73.2</v>
      </c>
      <c r="G18" s="357">
        <v>-2.2000000000000002</v>
      </c>
      <c r="H18" s="363">
        <v>156.30000000000001</v>
      </c>
      <c r="I18" s="355">
        <v>0.7</v>
      </c>
      <c r="J18" s="363">
        <v>116.4</v>
      </c>
      <c r="K18" s="358">
        <v>-3.6</v>
      </c>
      <c r="L18" s="362">
        <v>157.1</v>
      </c>
      <c r="M18" s="355">
        <v>-1.6</v>
      </c>
      <c r="N18" s="363">
        <v>74.900000000000006</v>
      </c>
      <c r="O18" s="358">
        <v>-4.3</v>
      </c>
      <c r="P18" s="363">
        <v>155.9</v>
      </c>
      <c r="Q18" s="355">
        <v>-3.8</v>
      </c>
      <c r="R18" s="363">
        <v>75.900000000000006</v>
      </c>
      <c r="S18" s="355">
        <v>1.1000000000000001</v>
      </c>
    </row>
    <row r="19" spans="1:19" ht="30" customHeight="1" x14ac:dyDescent="0.15">
      <c r="A19" s="615"/>
      <c r="B19" s="345" t="s">
        <v>39</v>
      </c>
      <c r="C19" s="346" t="s">
        <v>171</v>
      </c>
      <c r="D19" s="364">
        <v>15</v>
      </c>
      <c r="E19" s="348">
        <v>12</v>
      </c>
      <c r="F19" s="365">
        <v>2.5</v>
      </c>
      <c r="G19" s="350">
        <v>25</v>
      </c>
      <c r="H19" s="365">
        <v>16</v>
      </c>
      <c r="I19" s="348">
        <v>-0.6</v>
      </c>
      <c r="J19" s="365">
        <v>8.1999999999999993</v>
      </c>
      <c r="K19" s="351">
        <v>-8.9</v>
      </c>
      <c r="L19" s="364">
        <v>12.9</v>
      </c>
      <c r="M19" s="348">
        <v>-5.9</v>
      </c>
      <c r="N19" s="365">
        <v>1.5</v>
      </c>
      <c r="O19" s="351">
        <v>-6.3</v>
      </c>
      <c r="P19" s="365">
        <v>8.6</v>
      </c>
      <c r="Q19" s="348">
        <v>16.100000000000001</v>
      </c>
      <c r="R19" s="365">
        <v>3.8</v>
      </c>
      <c r="S19" s="348">
        <v>280.2</v>
      </c>
    </row>
    <row r="20" spans="1:19" ht="15" customHeight="1" x14ac:dyDescent="0.15">
      <c r="A20" s="615"/>
      <c r="B20" s="352"/>
      <c r="C20" s="353"/>
      <c r="D20" s="360"/>
      <c r="E20" s="355"/>
      <c r="F20" s="361"/>
      <c r="G20" s="357"/>
      <c r="H20" s="361"/>
      <c r="I20" s="355"/>
      <c r="J20" s="361"/>
      <c r="K20" s="358"/>
      <c r="L20" s="360"/>
      <c r="M20" s="355"/>
      <c r="N20" s="363"/>
      <c r="O20" s="358"/>
      <c r="P20" s="361"/>
      <c r="Q20" s="355"/>
      <c r="R20" s="361"/>
      <c r="S20" s="355"/>
    </row>
    <row r="21" spans="1:19" ht="30" customHeight="1" x14ac:dyDescent="0.15">
      <c r="A21" s="615"/>
      <c r="B21" s="352" t="s">
        <v>151</v>
      </c>
      <c r="C21" s="353" t="s">
        <v>173</v>
      </c>
      <c r="D21" s="366">
        <v>1936538</v>
      </c>
      <c r="E21" s="367">
        <v>2</v>
      </c>
      <c r="F21" s="368">
        <v>1158746</v>
      </c>
      <c r="G21" s="369">
        <v>-0.8</v>
      </c>
      <c r="H21" s="368">
        <v>334159</v>
      </c>
      <c r="I21" s="367">
        <v>0.3</v>
      </c>
      <c r="J21" s="368">
        <v>51021</v>
      </c>
      <c r="K21" s="370">
        <v>-13</v>
      </c>
      <c r="L21" s="371">
        <v>281326</v>
      </c>
      <c r="M21" s="367">
        <v>10.5</v>
      </c>
      <c r="N21" s="372">
        <v>299213</v>
      </c>
      <c r="O21" s="370">
        <v>-9.1</v>
      </c>
      <c r="P21" s="368">
        <v>303864</v>
      </c>
      <c r="Q21" s="367">
        <v>1.7</v>
      </c>
      <c r="R21" s="368">
        <v>215754</v>
      </c>
      <c r="S21" s="367">
        <v>12</v>
      </c>
    </row>
    <row r="22" spans="1:19" ht="30" customHeight="1" x14ac:dyDescent="0.15">
      <c r="A22" s="615"/>
      <c r="B22" s="345" t="s">
        <v>174</v>
      </c>
      <c r="C22" s="346" t="s">
        <v>175</v>
      </c>
      <c r="D22" s="373">
        <v>1.36</v>
      </c>
      <c r="E22" s="374">
        <v>-0.49</v>
      </c>
      <c r="F22" s="374">
        <v>3.57</v>
      </c>
      <c r="G22" s="375">
        <v>0.33</v>
      </c>
      <c r="H22" s="374">
        <v>0.68</v>
      </c>
      <c r="I22" s="374">
        <v>0.01</v>
      </c>
      <c r="J22" s="374">
        <v>2.76</v>
      </c>
      <c r="K22" s="376">
        <v>2.2200000000000002</v>
      </c>
      <c r="L22" s="377">
        <v>1.63</v>
      </c>
      <c r="M22" s="378">
        <v>-4.6399999999999997</v>
      </c>
      <c r="N22" s="378">
        <v>2.85</v>
      </c>
      <c r="O22" s="379">
        <v>-1.1499999999999999</v>
      </c>
      <c r="P22" s="374">
        <v>1.46</v>
      </c>
      <c r="Q22" s="374">
        <v>-0.09</v>
      </c>
      <c r="R22" s="374">
        <v>2.04</v>
      </c>
      <c r="S22" s="374">
        <v>0.26</v>
      </c>
    </row>
    <row r="23" spans="1:19" ht="30" customHeight="1" x14ac:dyDescent="0.15">
      <c r="A23" s="615"/>
      <c r="B23" s="352" t="s">
        <v>150</v>
      </c>
      <c r="C23" s="353" t="s">
        <v>175</v>
      </c>
      <c r="D23" s="380">
        <v>1.23</v>
      </c>
      <c r="E23" s="381">
        <v>-0.67</v>
      </c>
      <c r="F23" s="381">
        <v>2.66</v>
      </c>
      <c r="G23" s="382">
        <v>0.47</v>
      </c>
      <c r="H23" s="381">
        <v>0.81</v>
      </c>
      <c r="I23" s="381">
        <v>-0.15</v>
      </c>
      <c r="J23" s="381">
        <v>0.95</v>
      </c>
      <c r="K23" s="383">
        <v>-0.97</v>
      </c>
      <c r="L23" s="384">
        <v>1.7</v>
      </c>
      <c r="M23" s="385">
        <v>-4.3899999999999997</v>
      </c>
      <c r="N23" s="385">
        <v>2.44</v>
      </c>
      <c r="O23" s="386">
        <v>0.08</v>
      </c>
      <c r="P23" s="381">
        <v>0.99</v>
      </c>
      <c r="Q23" s="381">
        <v>-0.33</v>
      </c>
      <c r="R23" s="381">
        <v>2.2200000000000002</v>
      </c>
      <c r="S23" s="381">
        <v>0.61</v>
      </c>
    </row>
    <row r="24" spans="1:19" ht="15" customHeight="1" thickBot="1" x14ac:dyDescent="0.2">
      <c r="A24" s="615"/>
      <c r="B24" s="387"/>
      <c r="C24" s="388"/>
      <c r="D24" s="142"/>
      <c r="E24" s="389"/>
      <c r="F24" s="80"/>
      <c r="G24" s="390"/>
      <c r="H24" s="391"/>
      <c r="I24" s="389"/>
      <c r="J24" s="391"/>
      <c r="K24" s="392"/>
      <c r="L24" s="393"/>
      <c r="M24" s="389"/>
      <c r="N24" s="391"/>
      <c r="O24" s="392"/>
      <c r="P24" s="391"/>
      <c r="Q24" s="389"/>
      <c r="R24" s="391"/>
      <c r="S24" s="389"/>
    </row>
    <row r="25" spans="1:19" ht="15" customHeight="1" x14ac:dyDescent="0.15">
      <c r="A25" s="394"/>
    </row>
    <row r="26" spans="1:19" ht="15" customHeight="1" x14ac:dyDescent="0.15">
      <c r="A26" s="394"/>
      <c r="B26" s="397"/>
      <c r="C26" s="397"/>
      <c r="D26" s="397"/>
      <c r="E26" s="397"/>
      <c r="F26" s="397"/>
      <c r="G26" s="397"/>
      <c r="H26" s="397"/>
      <c r="I26" s="397"/>
      <c r="J26" s="397"/>
      <c r="K26" s="93"/>
      <c r="L26" s="93"/>
      <c r="M26" s="93"/>
      <c r="N26" s="93"/>
      <c r="O26" s="93"/>
      <c r="P26" s="93"/>
    </row>
    <row r="27" spans="1:19" x14ac:dyDescent="0.15">
      <c r="J27" s="93"/>
      <c r="K27" s="93"/>
      <c r="L27" s="93"/>
    </row>
    <row r="28" spans="1:19" x14ac:dyDescent="0.15">
      <c r="J28" s="93"/>
      <c r="K28" s="93"/>
      <c r="L28" s="93"/>
    </row>
  </sheetData>
  <mergeCells count="17">
    <mergeCell ref="F6:G6"/>
    <mergeCell ref="R6:S6"/>
    <mergeCell ref="A1:A24"/>
    <mergeCell ref="B1:S1"/>
    <mergeCell ref="B3:C3"/>
    <mergeCell ref="B4:C7"/>
    <mergeCell ref="E4:F5"/>
    <mergeCell ref="I4:J5"/>
    <mergeCell ref="L4:O5"/>
    <mergeCell ref="P4:S5"/>
    <mergeCell ref="D6:E6"/>
    <mergeCell ref="B8:C8"/>
    <mergeCell ref="H6:I6"/>
    <mergeCell ref="J6:K6"/>
    <mergeCell ref="L6:M6"/>
    <mergeCell ref="N6:O6"/>
    <mergeCell ref="P6:Q6"/>
  </mergeCells>
  <phoneticPr fontId="3"/>
  <printOptions horizontalCentered="1"/>
  <pageMargins left="0.59055118110236227" right="0.59055118110236227" top="0.39370078740157483" bottom="0.59055118110236227" header="0" footer="0.19685039370078741"/>
  <pageSetup paperSize="9" scale="94" orientation="landscape" errors="blank" r:id="rId1"/>
  <headerFooter alignWithMargins="0"/>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5">
    <tabColor indexed="52"/>
  </sheetPr>
  <dimension ref="A1:T27"/>
  <sheetViews>
    <sheetView view="pageBreakPreview" zoomScaleNormal="85" zoomScaleSheetLayoutView="100" workbookViewId="0">
      <selection sqref="A1:A24"/>
    </sheetView>
  </sheetViews>
  <sheetFormatPr defaultRowHeight="13.5" x14ac:dyDescent="0.15"/>
  <cols>
    <col min="1" max="1" width="5" customWidth="1"/>
    <col min="2" max="2" width="18.875" style="395" customWidth="1"/>
    <col min="3" max="3" width="4" style="396" customWidth="1"/>
    <col min="4" max="4" width="7.875" style="399" customWidth="1"/>
    <col min="5" max="5" width="6.625" style="93" customWidth="1"/>
    <col min="6" max="6" width="7.875" style="93" customWidth="1"/>
    <col min="7" max="7" width="6.625" style="93" customWidth="1"/>
    <col min="8" max="8" width="8.125" style="198" bestFit="1" customWidth="1"/>
    <col min="9" max="9" width="6.625" style="198" customWidth="1"/>
    <col min="10" max="10" width="7.875" style="198" customWidth="1"/>
    <col min="11" max="11" width="6.625" style="198" customWidth="1"/>
    <col min="12" max="12" width="7.875" style="198" customWidth="1"/>
    <col min="13" max="13" width="6.625" style="198" customWidth="1"/>
    <col min="14" max="14" width="7.875" style="198" customWidth="1"/>
    <col min="15" max="15" width="6.625" style="198" customWidth="1"/>
    <col min="16" max="16" width="7.875" style="198" customWidth="1"/>
    <col min="17" max="17" width="6.625" style="198" customWidth="1"/>
    <col min="18" max="18" width="7.875" style="198" customWidth="1"/>
    <col min="19" max="19" width="6.625" style="198" customWidth="1"/>
    <col min="20" max="20" width="2.5" customWidth="1"/>
  </cols>
  <sheetData>
    <row r="1" spans="1:20" ht="24.75" customHeight="1" x14ac:dyDescent="0.15">
      <c r="A1" s="615" t="s">
        <v>176</v>
      </c>
      <c r="B1" s="616" t="s">
        <v>177</v>
      </c>
      <c r="C1" s="616"/>
      <c r="D1" s="616"/>
      <c r="E1" s="616"/>
      <c r="F1" s="616"/>
      <c r="G1" s="616"/>
      <c r="H1" s="616"/>
      <c r="I1" s="616"/>
      <c r="J1" s="616"/>
      <c r="K1" s="616"/>
      <c r="L1" s="616"/>
      <c r="M1" s="616"/>
      <c r="N1" s="616"/>
      <c r="O1" s="616"/>
      <c r="P1" s="616"/>
      <c r="Q1" s="616"/>
      <c r="R1" s="616"/>
      <c r="S1" s="616"/>
    </row>
    <row r="2" spans="1:20" ht="11.25" customHeight="1" x14ac:dyDescent="0.15">
      <c r="A2" s="615"/>
      <c r="B2" s="320"/>
      <c r="C2" s="321"/>
      <c r="D2" s="398"/>
      <c r="E2" s="322"/>
      <c r="F2" s="322"/>
      <c r="G2" s="322"/>
      <c r="H2" s="322"/>
      <c r="I2" s="322"/>
      <c r="J2" s="322"/>
      <c r="K2" s="322"/>
      <c r="L2" s="322"/>
      <c r="M2" s="323"/>
      <c r="N2" s="323"/>
      <c r="O2" s="323"/>
      <c r="P2" s="323"/>
    </row>
    <row r="3" spans="1:20" ht="15.75" customHeight="1" thickBot="1" x14ac:dyDescent="0.2">
      <c r="A3" s="615"/>
      <c r="B3" s="640" t="s">
        <v>178</v>
      </c>
      <c r="C3" s="640"/>
    </row>
    <row r="4" spans="1:20" ht="15.75" customHeight="1" x14ac:dyDescent="0.15">
      <c r="A4" s="615"/>
      <c r="B4" s="557" t="s">
        <v>158</v>
      </c>
      <c r="C4" s="619"/>
      <c r="D4" s="400"/>
      <c r="E4" s="641" t="s">
        <v>74</v>
      </c>
      <c r="F4" s="641"/>
      <c r="G4" s="325"/>
      <c r="H4" s="326"/>
      <c r="I4" s="641" t="s">
        <v>2</v>
      </c>
      <c r="J4" s="641"/>
      <c r="K4" s="97"/>
      <c r="L4" s="524" t="s">
        <v>159</v>
      </c>
      <c r="M4" s="596"/>
      <c r="N4" s="596"/>
      <c r="O4" s="633"/>
      <c r="P4" s="525" t="s">
        <v>13</v>
      </c>
      <c r="Q4" s="596"/>
      <c r="R4" s="596"/>
      <c r="S4" s="596"/>
    </row>
    <row r="5" spans="1:20" ht="15.75" customHeight="1" x14ac:dyDescent="0.15">
      <c r="A5" s="615"/>
      <c r="B5" s="559"/>
      <c r="C5" s="560"/>
      <c r="D5" s="401"/>
      <c r="E5" s="642"/>
      <c r="F5" s="642"/>
      <c r="G5" s="328"/>
      <c r="H5" s="162"/>
      <c r="I5" s="642"/>
      <c r="J5" s="642"/>
      <c r="K5" s="329"/>
      <c r="L5" s="634"/>
      <c r="M5" s="597"/>
      <c r="N5" s="597"/>
      <c r="O5" s="635"/>
      <c r="P5" s="597"/>
      <c r="Q5" s="597"/>
      <c r="R5" s="597"/>
      <c r="S5" s="597"/>
    </row>
    <row r="6" spans="1:20" ht="30" customHeight="1" x14ac:dyDescent="0.15">
      <c r="A6" s="615"/>
      <c r="B6" s="559"/>
      <c r="C6" s="560"/>
      <c r="D6" s="647" t="s">
        <v>160</v>
      </c>
      <c r="E6" s="648"/>
      <c r="F6" s="638" t="s">
        <v>161</v>
      </c>
      <c r="G6" s="646"/>
      <c r="H6" s="651" t="s">
        <v>160</v>
      </c>
      <c r="I6" s="648"/>
      <c r="J6" s="638" t="s">
        <v>161</v>
      </c>
      <c r="K6" s="639"/>
      <c r="L6" s="647" t="s">
        <v>160</v>
      </c>
      <c r="M6" s="648"/>
      <c r="N6" s="638" t="s">
        <v>161</v>
      </c>
      <c r="O6" s="639"/>
      <c r="P6" s="647" t="s">
        <v>160</v>
      </c>
      <c r="Q6" s="648"/>
      <c r="R6" s="638" t="s">
        <v>161</v>
      </c>
      <c r="S6" s="639"/>
    </row>
    <row r="7" spans="1:20" ht="10.5" customHeight="1" x14ac:dyDescent="0.15">
      <c r="A7" s="615"/>
      <c r="B7" s="559"/>
      <c r="C7" s="560"/>
      <c r="D7" s="402"/>
      <c r="E7" s="330" t="s">
        <v>162</v>
      </c>
      <c r="F7" s="38"/>
      <c r="G7" s="331" t="s">
        <v>162</v>
      </c>
      <c r="H7" s="403"/>
      <c r="I7" s="330" t="s">
        <v>162</v>
      </c>
      <c r="J7" s="172"/>
      <c r="K7" s="330" t="s">
        <v>162</v>
      </c>
      <c r="L7" s="226"/>
      <c r="M7" s="330" t="s">
        <v>162</v>
      </c>
      <c r="N7" s="172"/>
      <c r="O7" s="330" t="s">
        <v>162</v>
      </c>
      <c r="P7" s="403"/>
      <c r="Q7" s="330" t="s">
        <v>162</v>
      </c>
      <c r="R7" s="172"/>
      <c r="S7" s="332" t="s">
        <v>162</v>
      </c>
      <c r="T7" s="2"/>
    </row>
    <row r="8" spans="1:20" s="337" customFormat="1" ht="11.25" customHeight="1" x14ac:dyDescent="0.15">
      <c r="A8" s="615"/>
      <c r="B8" s="644" t="s">
        <v>163</v>
      </c>
      <c r="C8" s="645"/>
      <c r="D8" s="404"/>
      <c r="E8" s="101" t="s">
        <v>164</v>
      </c>
      <c r="F8" s="334"/>
      <c r="G8" s="335" t="s">
        <v>164</v>
      </c>
      <c r="H8" s="334"/>
      <c r="I8" s="101" t="s">
        <v>164</v>
      </c>
      <c r="J8" s="334"/>
      <c r="K8" s="101" t="s">
        <v>164</v>
      </c>
      <c r="L8" s="336"/>
      <c r="M8" s="101" t="s">
        <v>164</v>
      </c>
      <c r="N8" s="334"/>
      <c r="O8" s="101" t="s">
        <v>164</v>
      </c>
      <c r="P8" s="334"/>
      <c r="Q8" s="101" t="s">
        <v>164</v>
      </c>
      <c r="R8" s="334"/>
      <c r="S8" s="29" t="s">
        <v>164</v>
      </c>
      <c r="T8" s="405"/>
    </row>
    <row r="9" spans="1:20" ht="15" customHeight="1" x14ac:dyDescent="0.15">
      <c r="A9" s="615"/>
      <c r="B9" s="338"/>
      <c r="C9" s="338"/>
      <c r="D9" s="402"/>
      <c r="E9" s="339"/>
      <c r="F9" s="340"/>
      <c r="G9" s="341"/>
      <c r="H9" s="342"/>
      <c r="I9" s="339"/>
      <c r="J9" s="342"/>
      <c r="K9" s="343"/>
      <c r="L9" s="344"/>
      <c r="M9" s="339"/>
      <c r="N9" s="342"/>
      <c r="O9" s="343"/>
      <c r="P9" s="342"/>
      <c r="Q9" s="339"/>
      <c r="R9" s="304"/>
      <c r="S9" s="339"/>
    </row>
    <row r="10" spans="1:20" ht="30" customHeight="1" x14ac:dyDescent="0.15">
      <c r="A10" s="615"/>
      <c r="B10" s="345" t="s">
        <v>41</v>
      </c>
      <c r="C10" s="346" t="s">
        <v>165</v>
      </c>
      <c r="D10" s="347">
        <v>779885</v>
      </c>
      <c r="E10" s="348">
        <v>6.8</v>
      </c>
      <c r="F10" s="349">
        <v>128706</v>
      </c>
      <c r="G10" s="350">
        <v>5.9</v>
      </c>
      <c r="H10" s="349">
        <v>889665</v>
      </c>
      <c r="I10" s="348">
        <v>12.3</v>
      </c>
      <c r="J10" s="349">
        <v>183935</v>
      </c>
      <c r="K10" s="351">
        <v>2.8</v>
      </c>
      <c r="L10" s="347">
        <v>624351</v>
      </c>
      <c r="M10" s="348">
        <v>8.1999999999999993</v>
      </c>
      <c r="N10" s="349">
        <v>110310</v>
      </c>
      <c r="O10" s="351">
        <v>2</v>
      </c>
      <c r="P10" s="349">
        <v>600350</v>
      </c>
      <c r="Q10" s="348">
        <v>8.1</v>
      </c>
      <c r="R10" s="349">
        <v>162409</v>
      </c>
      <c r="S10" s="348">
        <v>1.7</v>
      </c>
    </row>
    <row r="11" spans="1:20" ht="30" customHeight="1" x14ac:dyDescent="0.15">
      <c r="A11" s="615"/>
      <c r="B11" s="352" t="s">
        <v>37</v>
      </c>
      <c r="C11" s="353" t="s">
        <v>165</v>
      </c>
      <c r="D11" s="354">
        <v>398707</v>
      </c>
      <c r="E11" s="355">
        <v>4.4000000000000004</v>
      </c>
      <c r="F11" s="356">
        <v>117297</v>
      </c>
      <c r="G11" s="357">
        <v>4.2</v>
      </c>
      <c r="H11" s="356">
        <v>449148</v>
      </c>
      <c r="I11" s="355">
        <v>12.7</v>
      </c>
      <c r="J11" s="356">
        <v>173416</v>
      </c>
      <c r="K11" s="358">
        <v>1.2</v>
      </c>
      <c r="L11" s="354">
        <v>394370</v>
      </c>
      <c r="M11" s="355">
        <v>9.5</v>
      </c>
      <c r="N11" s="356">
        <v>107223</v>
      </c>
      <c r="O11" s="358">
        <v>2.7</v>
      </c>
      <c r="P11" s="356">
        <v>357294</v>
      </c>
      <c r="Q11" s="355">
        <v>-1.3</v>
      </c>
      <c r="R11" s="356">
        <v>142488</v>
      </c>
      <c r="S11" s="355">
        <v>4.3</v>
      </c>
    </row>
    <row r="12" spans="1:20" ht="30" customHeight="1" x14ac:dyDescent="0.15">
      <c r="A12" s="615"/>
      <c r="B12" s="345" t="s">
        <v>166</v>
      </c>
      <c r="C12" s="346" t="s">
        <v>165</v>
      </c>
      <c r="D12" s="347">
        <v>365624</v>
      </c>
      <c r="E12" s="348">
        <v>4</v>
      </c>
      <c r="F12" s="349">
        <v>112948</v>
      </c>
      <c r="G12" s="350">
        <v>3.4</v>
      </c>
      <c r="H12" s="349">
        <v>407929</v>
      </c>
      <c r="I12" s="348">
        <v>14.1</v>
      </c>
      <c r="J12" s="349">
        <v>156820</v>
      </c>
      <c r="K12" s="351">
        <v>0.5</v>
      </c>
      <c r="L12" s="347">
        <v>365090</v>
      </c>
      <c r="M12" s="348">
        <v>7.6</v>
      </c>
      <c r="N12" s="349">
        <v>105369</v>
      </c>
      <c r="O12" s="351">
        <v>2.5</v>
      </c>
      <c r="P12" s="349">
        <v>332844</v>
      </c>
      <c r="Q12" s="348">
        <v>-1.8</v>
      </c>
      <c r="R12" s="349">
        <v>137857</v>
      </c>
      <c r="S12" s="348">
        <v>2.2000000000000002</v>
      </c>
    </row>
    <row r="13" spans="1:20" ht="30" customHeight="1" x14ac:dyDescent="0.15">
      <c r="A13" s="615"/>
      <c r="B13" s="352" t="s">
        <v>167</v>
      </c>
      <c r="C13" s="353" t="s">
        <v>165</v>
      </c>
      <c r="D13" s="354">
        <v>33083</v>
      </c>
      <c r="E13" s="355" t="s">
        <v>168</v>
      </c>
      <c r="F13" s="356">
        <v>4349</v>
      </c>
      <c r="G13" s="357" t="s">
        <v>168</v>
      </c>
      <c r="H13" s="356">
        <v>41219</v>
      </c>
      <c r="I13" s="355" t="s">
        <v>168</v>
      </c>
      <c r="J13" s="356">
        <v>16596</v>
      </c>
      <c r="K13" s="358" t="s">
        <v>168</v>
      </c>
      <c r="L13" s="354">
        <v>29280</v>
      </c>
      <c r="M13" s="355" t="s">
        <v>168</v>
      </c>
      <c r="N13" s="356">
        <v>1854</v>
      </c>
      <c r="O13" s="358" t="s">
        <v>168</v>
      </c>
      <c r="P13" s="356">
        <v>24450</v>
      </c>
      <c r="Q13" s="355" t="s">
        <v>168</v>
      </c>
      <c r="R13" s="356">
        <v>4631</v>
      </c>
      <c r="S13" s="355" t="s">
        <v>168</v>
      </c>
    </row>
    <row r="14" spans="1:20" ht="30" customHeight="1" x14ac:dyDescent="0.15">
      <c r="A14" s="615"/>
      <c r="B14" s="345" t="s">
        <v>169</v>
      </c>
      <c r="C14" s="346" t="s">
        <v>165</v>
      </c>
      <c r="D14" s="347">
        <v>381178</v>
      </c>
      <c r="E14" s="348" t="s">
        <v>168</v>
      </c>
      <c r="F14" s="349">
        <v>11409</v>
      </c>
      <c r="G14" s="350" t="s">
        <v>168</v>
      </c>
      <c r="H14" s="349">
        <v>440517</v>
      </c>
      <c r="I14" s="348" t="s">
        <v>168</v>
      </c>
      <c r="J14" s="349">
        <v>10519</v>
      </c>
      <c r="K14" s="351" t="s">
        <v>168</v>
      </c>
      <c r="L14" s="347">
        <v>229981</v>
      </c>
      <c r="M14" s="348" t="s">
        <v>168</v>
      </c>
      <c r="N14" s="349">
        <v>3087</v>
      </c>
      <c r="O14" s="351" t="s">
        <v>168</v>
      </c>
      <c r="P14" s="349">
        <v>243056</v>
      </c>
      <c r="Q14" s="348" t="s">
        <v>168</v>
      </c>
      <c r="R14" s="349">
        <v>19921</v>
      </c>
      <c r="S14" s="348" t="s">
        <v>168</v>
      </c>
    </row>
    <row r="15" spans="1:20" ht="15" customHeight="1" x14ac:dyDescent="0.15">
      <c r="A15" s="615"/>
      <c r="B15" s="352"/>
      <c r="C15" s="359"/>
      <c r="D15" s="406"/>
      <c r="E15" s="355"/>
      <c r="F15" s="361"/>
      <c r="G15" s="357"/>
      <c r="H15" s="361"/>
      <c r="I15" s="355"/>
      <c r="J15" s="361"/>
      <c r="K15" s="358"/>
      <c r="L15" s="360"/>
      <c r="M15" s="355"/>
      <c r="N15" s="361"/>
      <c r="O15" s="358"/>
      <c r="P15" s="361"/>
      <c r="Q15" s="355"/>
      <c r="R15" s="361"/>
      <c r="S15" s="355"/>
    </row>
    <row r="16" spans="1:20" ht="30" customHeight="1" x14ac:dyDescent="0.15">
      <c r="A16" s="615"/>
      <c r="B16" s="352" t="s">
        <v>132</v>
      </c>
      <c r="C16" s="353" t="s">
        <v>170</v>
      </c>
      <c r="D16" s="407">
        <v>19.899999999999999</v>
      </c>
      <c r="E16" s="355">
        <v>-0.1</v>
      </c>
      <c r="F16" s="363">
        <v>14</v>
      </c>
      <c r="G16" s="357">
        <v>-0.6</v>
      </c>
      <c r="H16" s="363">
        <v>19.899999999999999</v>
      </c>
      <c r="I16" s="355">
        <v>-0.1</v>
      </c>
      <c r="J16" s="363">
        <v>16.899999999999999</v>
      </c>
      <c r="K16" s="358">
        <v>-0.5</v>
      </c>
      <c r="L16" s="362">
        <v>19.8</v>
      </c>
      <c r="M16" s="355">
        <v>-0.1</v>
      </c>
      <c r="N16" s="363">
        <v>15.5</v>
      </c>
      <c r="O16" s="358">
        <v>-0.5</v>
      </c>
      <c r="P16" s="363">
        <v>20.3</v>
      </c>
      <c r="Q16" s="355">
        <v>-0.2</v>
      </c>
      <c r="R16" s="363">
        <v>13.5</v>
      </c>
      <c r="S16" s="355">
        <v>-0.4</v>
      </c>
    </row>
    <row r="17" spans="1:19" ht="30" customHeight="1" x14ac:dyDescent="0.15">
      <c r="A17" s="615"/>
      <c r="B17" s="345" t="s">
        <v>42</v>
      </c>
      <c r="C17" s="346" t="s">
        <v>171</v>
      </c>
      <c r="D17" s="364">
        <v>170</v>
      </c>
      <c r="E17" s="348">
        <v>-0.7</v>
      </c>
      <c r="F17" s="365">
        <v>84.7</v>
      </c>
      <c r="G17" s="350">
        <v>-0.8</v>
      </c>
      <c r="H17" s="365">
        <v>171.9</v>
      </c>
      <c r="I17" s="348">
        <v>0.6</v>
      </c>
      <c r="J17" s="365">
        <v>131</v>
      </c>
      <c r="K17" s="351">
        <v>-2.1</v>
      </c>
      <c r="L17" s="364">
        <v>169.9</v>
      </c>
      <c r="M17" s="348">
        <v>-2</v>
      </c>
      <c r="N17" s="365">
        <v>85.8</v>
      </c>
      <c r="O17" s="351">
        <v>-1.1000000000000001</v>
      </c>
      <c r="P17" s="365">
        <v>164.3</v>
      </c>
      <c r="Q17" s="348">
        <v>-5.6</v>
      </c>
      <c r="R17" s="365">
        <v>93.2</v>
      </c>
      <c r="S17" s="348">
        <v>1.3</v>
      </c>
    </row>
    <row r="18" spans="1:19" ht="30" customHeight="1" x14ac:dyDescent="0.15">
      <c r="A18" s="615"/>
      <c r="B18" s="352" t="s">
        <v>172</v>
      </c>
      <c r="C18" s="353" t="s">
        <v>171</v>
      </c>
      <c r="D18" s="362">
        <v>153.6</v>
      </c>
      <c r="E18" s="355">
        <v>-1.8</v>
      </c>
      <c r="F18" s="363">
        <v>81.3</v>
      </c>
      <c r="G18" s="357">
        <v>-2</v>
      </c>
      <c r="H18" s="363">
        <v>154.80000000000001</v>
      </c>
      <c r="I18" s="355">
        <v>0.6</v>
      </c>
      <c r="J18" s="363">
        <v>119.9</v>
      </c>
      <c r="K18" s="358">
        <v>-2.5</v>
      </c>
      <c r="L18" s="362">
        <v>155.30000000000001</v>
      </c>
      <c r="M18" s="355">
        <v>-2.1</v>
      </c>
      <c r="N18" s="363">
        <v>83.5</v>
      </c>
      <c r="O18" s="358">
        <v>-1.4</v>
      </c>
      <c r="P18" s="363">
        <v>154.6</v>
      </c>
      <c r="Q18" s="355">
        <v>-6.7</v>
      </c>
      <c r="R18" s="363">
        <v>87.4</v>
      </c>
      <c r="S18" s="355">
        <v>-4</v>
      </c>
    </row>
    <row r="19" spans="1:19" ht="30" customHeight="1" x14ac:dyDescent="0.15">
      <c r="A19" s="615"/>
      <c r="B19" s="345" t="s">
        <v>39</v>
      </c>
      <c r="C19" s="346" t="s">
        <v>171</v>
      </c>
      <c r="D19" s="364">
        <v>16.399999999999999</v>
      </c>
      <c r="E19" s="348">
        <v>10.8</v>
      </c>
      <c r="F19" s="365">
        <v>3.4</v>
      </c>
      <c r="G19" s="350">
        <v>36</v>
      </c>
      <c r="H19" s="365">
        <v>17.100000000000001</v>
      </c>
      <c r="I19" s="348">
        <v>1.2</v>
      </c>
      <c r="J19" s="365">
        <v>11.1</v>
      </c>
      <c r="K19" s="351">
        <v>2.8</v>
      </c>
      <c r="L19" s="364">
        <v>14.6</v>
      </c>
      <c r="M19" s="348">
        <v>-1.9</v>
      </c>
      <c r="N19" s="365">
        <v>2.2999999999999998</v>
      </c>
      <c r="O19" s="351">
        <v>9.5</v>
      </c>
      <c r="P19" s="365">
        <v>9.6999999999999993</v>
      </c>
      <c r="Q19" s="348">
        <v>19.7</v>
      </c>
      <c r="R19" s="365">
        <v>5.8</v>
      </c>
      <c r="S19" s="348">
        <v>480.2</v>
      </c>
    </row>
    <row r="20" spans="1:19" ht="15" customHeight="1" x14ac:dyDescent="0.15">
      <c r="A20" s="615"/>
      <c r="B20" s="352"/>
      <c r="C20" s="353"/>
      <c r="D20" s="360"/>
      <c r="E20" s="355"/>
      <c r="F20" s="361"/>
      <c r="G20" s="357"/>
      <c r="H20" s="361"/>
      <c r="I20" s="355"/>
      <c r="J20" s="361"/>
      <c r="K20" s="358"/>
      <c r="L20" s="360"/>
      <c r="M20" s="355"/>
      <c r="N20" s="363"/>
      <c r="O20" s="358"/>
      <c r="P20" s="361"/>
      <c r="Q20" s="355"/>
      <c r="R20" s="361"/>
      <c r="S20" s="355"/>
    </row>
    <row r="21" spans="1:19" ht="30" customHeight="1" x14ac:dyDescent="0.15">
      <c r="A21" s="615"/>
      <c r="B21" s="352" t="s">
        <v>151</v>
      </c>
      <c r="C21" s="353" t="s">
        <v>173</v>
      </c>
      <c r="D21" s="408">
        <v>1291382</v>
      </c>
      <c r="E21" s="367">
        <v>0.8</v>
      </c>
      <c r="F21" s="372">
        <v>586439</v>
      </c>
      <c r="G21" s="369">
        <v>-3</v>
      </c>
      <c r="H21" s="372">
        <v>272315</v>
      </c>
      <c r="I21" s="367">
        <v>1.3</v>
      </c>
      <c r="J21" s="372">
        <v>35665</v>
      </c>
      <c r="K21" s="370">
        <v>-17.8</v>
      </c>
      <c r="L21" s="371">
        <v>140053</v>
      </c>
      <c r="M21" s="367">
        <v>10.199999999999999</v>
      </c>
      <c r="N21" s="372">
        <v>128074</v>
      </c>
      <c r="O21" s="370">
        <v>-14.4</v>
      </c>
      <c r="P21" s="372">
        <v>207219</v>
      </c>
      <c r="Q21" s="367">
        <v>-3</v>
      </c>
      <c r="R21" s="372">
        <v>111930</v>
      </c>
      <c r="S21" s="367">
        <v>30.1</v>
      </c>
    </row>
    <row r="22" spans="1:19" ht="30" customHeight="1" x14ac:dyDescent="0.15">
      <c r="A22" s="615"/>
      <c r="B22" s="345" t="s">
        <v>174</v>
      </c>
      <c r="C22" s="346" t="s">
        <v>175</v>
      </c>
      <c r="D22" s="409">
        <v>1.05</v>
      </c>
      <c r="E22" s="410">
        <v>0.03</v>
      </c>
      <c r="F22" s="378">
        <v>2.58</v>
      </c>
      <c r="G22" s="411">
        <v>-0.22</v>
      </c>
      <c r="H22" s="378">
        <v>0.73</v>
      </c>
      <c r="I22" s="378">
        <v>0.03</v>
      </c>
      <c r="J22" s="378">
        <v>1.19</v>
      </c>
      <c r="K22" s="379">
        <v>0.59</v>
      </c>
      <c r="L22" s="377">
        <v>1.1399999999999999</v>
      </c>
      <c r="M22" s="378">
        <v>-0.28999999999999998</v>
      </c>
      <c r="N22" s="378">
        <v>1.94</v>
      </c>
      <c r="O22" s="379">
        <v>0.05</v>
      </c>
      <c r="P22" s="378">
        <v>0.91</v>
      </c>
      <c r="Q22" s="378">
        <v>-0.17</v>
      </c>
      <c r="R22" s="378">
        <v>1.94</v>
      </c>
      <c r="S22" s="378">
        <v>-0.39</v>
      </c>
    </row>
    <row r="23" spans="1:19" ht="30" customHeight="1" x14ac:dyDescent="0.15">
      <c r="A23" s="615"/>
      <c r="B23" s="352" t="s">
        <v>150</v>
      </c>
      <c r="C23" s="353" t="s">
        <v>175</v>
      </c>
      <c r="D23" s="412">
        <v>1.27</v>
      </c>
      <c r="E23" s="413">
        <v>0.22</v>
      </c>
      <c r="F23" s="414">
        <v>2.75</v>
      </c>
      <c r="G23" s="415">
        <v>0.56999999999999995</v>
      </c>
      <c r="H23" s="385">
        <v>0.74</v>
      </c>
      <c r="I23" s="385">
        <v>-0.09</v>
      </c>
      <c r="J23" s="385">
        <v>1.34</v>
      </c>
      <c r="K23" s="386">
        <v>-0.94</v>
      </c>
      <c r="L23" s="384">
        <v>1.66</v>
      </c>
      <c r="M23" s="385">
        <v>0.26</v>
      </c>
      <c r="N23" s="385">
        <v>1.27</v>
      </c>
      <c r="O23" s="386">
        <v>0.12</v>
      </c>
      <c r="P23" s="385">
        <v>0.98</v>
      </c>
      <c r="Q23" s="385">
        <v>-0.03</v>
      </c>
      <c r="R23" s="385">
        <v>2.86</v>
      </c>
      <c r="S23" s="385">
        <v>1.6</v>
      </c>
    </row>
    <row r="24" spans="1:19" ht="15" customHeight="1" thickBot="1" x14ac:dyDescent="0.2">
      <c r="A24" s="615"/>
      <c r="B24" s="387"/>
      <c r="C24" s="388"/>
      <c r="D24" s="416"/>
      <c r="E24" s="389"/>
      <c r="F24" s="80"/>
      <c r="G24" s="390"/>
      <c r="H24" s="391"/>
      <c r="I24" s="389"/>
      <c r="J24" s="391"/>
      <c r="K24" s="392"/>
      <c r="L24" s="393"/>
      <c r="M24" s="389"/>
      <c r="N24" s="391"/>
      <c r="O24" s="392"/>
      <c r="P24" s="391"/>
      <c r="Q24" s="389"/>
      <c r="R24" s="391"/>
      <c r="S24" s="389"/>
    </row>
    <row r="25" spans="1:19" ht="15" customHeight="1" x14ac:dyDescent="0.15">
      <c r="A25" s="394"/>
    </row>
    <row r="26" spans="1:19" ht="15" customHeight="1" x14ac:dyDescent="0.15">
      <c r="A26" s="394"/>
      <c r="B26" s="397"/>
      <c r="C26" s="397"/>
      <c r="D26" s="397"/>
      <c r="E26" s="397"/>
      <c r="F26" s="397"/>
      <c r="G26" s="397"/>
      <c r="H26" s="397"/>
      <c r="I26" s="397"/>
      <c r="J26" s="397"/>
      <c r="K26" s="93"/>
      <c r="L26" s="93"/>
      <c r="M26" s="93"/>
      <c r="N26" s="93"/>
      <c r="O26" s="93"/>
      <c r="P26" s="93"/>
    </row>
    <row r="27" spans="1:19" ht="15" customHeight="1" x14ac:dyDescent="0.15">
      <c r="A27" s="394"/>
      <c r="B27" s="649"/>
      <c r="C27" s="650"/>
      <c r="D27" s="650"/>
      <c r="E27" s="650"/>
      <c r="F27" s="650"/>
      <c r="G27" s="650"/>
      <c r="H27" s="650"/>
      <c r="I27" s="650"/>
      <c r="J27" s="650"/>
      <c r="K27" s="650"/>
      <c r="L27" s="650"/>
      <c r="M27" s="650"/>
      <c r="N27" s="650"/>
    </row>
  </sheetData>
  <mergeCells count="18">
    <mergeCell ref="B27:N27"/>
    <mergeCell ref="H6:I6"/>
    <mergeCell ref="J6:K6"/>
    <mergeCell ref="L6:M6"/>
    <mergeCell ref="N6:O6"/>
    <mergeCell ref="D6:E6"/>
    <mergeCell ref="F6:G6"/>
    <mergeCell ref="P6:Q6"/>
    <mergeCell ref="R6:S6"/>
    <mergeCell ref="A1:A24"/>
    <mergeCell ref="B1:S1"/>
    <mergeCell ref="B3:C3"/>
    <mergeCell ref="B4:C7"/>
    <mergeCell ref="E4:F5"/>
    <mergeCell ref="I4:J5"/>
    <mergeCell ref="L4:O5"/>
    <mergeCell ref="P4:S5"/>
    <mergeCell ref="B8:C8"/>
  </mergeCells>
  <phoneticPr fontId="3"/>
  <printOptions horizontalCentered="1"/>
  <pageMargins left="0.59055118110236227" right="0.59055118110236227" top="0.39370078740157483" bottom="0.59055118110236227" header="0" footer="0.19685039370078741"/>
  <pageSetup paperSize="9" scale="94" orientation="landscape" errors="blank" r:id="rId1"/>
  <headerFooter alignWithMargins="0"/>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8</vt:i4>
      </vt:variant>
      <vt:variant>
        <vt:lpstr>名前付き一覧</vt:lpstr>
      </vt:variant>
      <vt:variant>
        <vt:i4>18</vt:i4>
      </vt:variant>
    </vt:vector>
  </HeadingPairs>
  <TitlesOfParts>
    <vt:vector size="36" baseType="lpstr">
      <vt:lpstr>第1表</vt:lpstr>
      <vt:lpstr>第2-1表</vt:lpstr>
      <vt:lpstr>第2-2表</vt:lpstr>
      <vt:lpstr>第3-1表</vt:lpstr>
      <vt:lpstr>第3-2表</vt:lpstr>
      <vt:lpstr>第4-1表</vt:lpstr>
      <vt:lpstr>第4-2表</vt:lpstr>
      <vt:lpstr>第5-1表</vt:lpstr>
      <vt:lpstr>第5-2表</vt:lpstr>
      <vt:lpstr>第6-1表</vt:lpstr>
      <vt:lpstr>第6-2表</vt:lpstr>
      <vt:lpstr>第6-3表</vt:lpstr>
      <vt:lpstr>第6-4表</vt:lpstr>
      <vt:lpstr>第7-1表</vt:lpstr>
      <vt:lpstr>第7-2表</vt:lpstr>
      <vt:lpstr>第7-3表</vt:lpstr>
      <vt:lpstr>第8表</vt:lpstr>
      <vt:lpstr>参考資料</vt:lpstr>
      <vt:lpstr>参考資料!Print_Area</vt:lpstr>
      <vt:lpstr>第1表!Print_Area</vt:lpstr>
      <vt:lpstr>'第2-1表'!Print_Area</vt:lpstr>
      <vt:lpstr>'第2-2表'!Print_Area</vt:lpstr>
      <vt:lpstr>'第3-1表'!Print_Area</vt:lpstr>
      <vt:lpstr>'第3-2表'!Print_Area</vt:lpstr>
      <vt:lpstr>'第4-1表'!Print_Area</vt:lpstr>
      <vt:lpstr>'第4-2表'!Print_Area</vt:lpstr>
      <vt:lpstr>'第5-1表'!Print_Area</vt:lpstr>
      <vt:lpstr>'第5-2表'!Print_Area</vt:lpstr>
      <vt:lpstr>'第6-1表'!Print_Area</vt:lpstr>
      <vt:lpstr>'第6-2表'!Print_Area</vt:lpstr>
      <vt:lpstr>'第6-3表'!Print_Area</vt:lpstr>
      <vt:lpstr>'第6-4表'!Print_Area</vt:lpstr>
      <vt:lpstr>'第7-1表'!Print_Area</vt:lpstr>
      <vt:lpstr>'第7-2表'!Print_Area</vt:lpstr>
      <vt:lpstr>'第7-3表'!Print_Area</vt:lpstr>
      <vt:lpstr>第8表!Print_Area</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user</dc:creator>
  <cp:lastModifiedBy>user</cp:lastModifiedBy>
  <dcterms:created xsi:type="dcterms:W3CDTF">2023-08-22T01:10:52Z</dcterms:created>
  <dcterms:modified xsi:type="dcterms:W3CDTF">2023-08-22T02:07:36Z</dcterms:modified>
</cp:coreProperties>
</file>